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C:\Users\s005586\Downloads\"/>
    </mc:Choice>
  </mc:AlternateContent>
  <xr:revisionPtr revIDLastSave="0" documentId="8_{DEFF0791-58C1-47F2-ACE5-E2AFB2A49B93}" xr6:coauthVersionLast="47" xr6:coauthVersionMax="47" xr10:uidLastSave="{00000000-0000-0000-0000-000000000000}"/>
  <bookViews>
    <workbookView xWindow="-120" yWindow="-16320" windowWidth="29040" windowHeight="15720" xr2:uid="{230A838B-36D1-45A5-BECF-5CAD78A5C23C}"/>
  </bookViews>
  <sheets>
    <sheet name="別紙１－4"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12" uniqueCount="69">
  <si>
    <t>（別紙１－４）</t>
  </si>
  <si>
    <t xml:space="preserve">介 護 予 防・日 常 生 活 支 援 総 合 事 業 費 算 定 に 係 る 体 制 等 状 況 一 覧 表 </t>
    <rPh sb="4" eb="5">
      <t>ヨボ</t>
    </rPh>
    <rPh sb="6" eb="7">
      <t>ボウヒ</t>
    </rPh>
    <rPh sb="8" eb="9">
      <t>ヒツ</t>
    </rPh>
    <rPh sb="10" eb="11">
      <t>ツネセ</t>
    </rPh>
    <rPh sb="12" eb="13">
      <t>セイカ</t>
    </rPh>
    <rPh sb="14" eb="15">
      <t>カツシ</t>
    </rPh>
    <rPh sb="16" eb="17">
      <t>シエ</t>
    </rPh>
    <rPh sb="18" eb="19">
      <t>エンソ</t>
    </rPh>
    <rPh sb="20" eb="21">
      <t>ソウア</t>
    </rPh>
    <rPh sb="22" eb="23">
      <t>アコ</t>
    </rPh>
    <rPh sb="24" eb="25">
      <t>コトギ</t>
    </rPh>
    <rPh sb="26" eb="27">
      <t>ギョウ</t>
    </rPh>
    <phoneticPr fontId="4"/>
  </si>
  <si>
    <t>事 業 所 番 号</t>
    <rPh sb="0" eb="1">
      <t>コトゴ</t>
    </rPh>
    <rPh sb="2" eb="3">
      <t>ゴウシ</t>
    </rPh>
    <rPh sb="4" eb="5">
      <t>ショバ</t>
    </rPh>
    <rPh sb="6" eb="7">
      <t>バンゴ</t>
    </rPh>
    <rPh sb="8" eb="9">
      <t>ゴウ</t>
    </rPh>
    <phoneticPr fontId="4"/>
  </si>
  <si>
    <t>提供サービス</t>
  </si>
  <si>
    <t>施設等の区分</t>
  </si>
  <si>
    <t>人員配置区分</t>
  </si>
  <si>
    <t>そ　 　　の　 　　他　　 　該　　 　当　　 　す 　　　る 　　　体 　　　制 　　　等</t>
  </si>
  <si>
    <t>LIFEへの登録</t>
    <rPh sb="6" eb="8">
      <t>トウロク</t>
    </rPh>
    <phoneticPr fontId="4"/>
  </si>
  <si>
    <t>割 引</t>
  </si>
  <si>
    <t>高齢者虐待防止措置実施の有無</t>
  </si>
  <si>
    <t>□</t>
  </si>
  <si>
    <t>１ 減算型</t>
  </si>
  <si>
    <t>２ 基準型</t>
  </si>
  <si>
    <t>１　なし</t>
  </si>
  <si>
    <t>業務継続計画策定の有無</t>
  </si>
  <si>
    <t>２　あり</t>
  </si>
  <si>
    <t>同一建物減算（同一敷地内建物等に居住する者への提供）</t>
    <rPh sb="0" eb="2">
      <t>ドウイツタ</t>
    </rPh>
    <rPh sb="2" eb="4">
      <t>タテモノゲ</t>
    </rPh>
    <rPh sb="4" eb="6">
      <t>ゲンサンド</t>
    </rPh>
    <rPh sb="7" eb="9">
      <t>ドウイツシ</t>
    </rPh>
    <rPh sb="9" eb="12">
      <t>シキチナイタ</t>
    </rPh>
    <rPh sb="12" eb="14">
      <t>タテモノト</t>
    </rPh>
    <rPh sb="14" eb="15">
      <t>トウキ</t>
    </rPh>
    <rPh sb="16" eb="18">
      <t>キョジュウシ</t>
    </rPh>
    <rPh sb="20" eb="21">
      <t>シャテ</t>
    </rPh>
    <rPh sb="23" eb="25">
      <t>テイキョウ</t>
    </rPh>
    <phoneticPr fontId="4"/>
  </si>
  <si>
    <t>１ 非該当</t>
  </si>
  <si>
    <t>２ 該当</t>
  </si>
  <si>
    <t>同一建物減算（同一敷地内建物等に居住する者への提供（利用者50人以上））</t>
  </si>
  <si>
    <t>同一建物減算（同一敷地内建物等に居住する者への提供割合90％以上）</t>
    <rPh sb="0" eb="2">
      <t>ドウイツタ</t>
    </rPh>
    <rPh sb="2" eb="4">
      <t>タテモノゲ</t>
    </rPh>
    <rPh sb="4" eb="6">
      <t>ゲンサンワ</t>
    </rPh>
    <rPh sb="25" eb="27">
      <t>ワリアイイ</t>
    </rPh>
    <rPh sb="30" eb="32">
      <t>イジョウ</t>
    </rPh>
    <phoneticPr fontId="4"/>
  </si>
  <si>
    <t>特別地域加算</t>
    <rPh sb="0" eb="2">
      <t>トクベツチ</t>
    </rPh>
    <rPh sb="2" eb="4">
      <t>チイキカ</t>
    </rPh>
    <rPh sb="4" eb="6">
      <t>カサン</t>
    </rPh>
    <phoneticPr fontId="5"/>
  </si>
  <si>
    <t>１ なし</t>
  </si>
  <si>
    <t>２ あり</t>
  </si>
  <si>
    <t>A2</t>
  </si>
  <si>
    <t>訪問型サービス（独自）</t>
  </si>
  <si>
    <t>中山間地域等における小規模事業所
加算（地域に関する状況）</t>
    <rPh sb="0" eb="1">
      <t>チュウサ</t>
    </rPh>
    <rPh sb="1" eb="3">
      <t>サンカンチ</t>
    </rPh>
    <rPh sb="3" eb="5">
      <t>チイキト</t>
    </rPh>
    <rPh sb="5" eb="6">
      <t>トウシ</t>
    </rPh>
    <rPh sb="10" eb="13">
      <t>ショウキボジ</t>
    </rPh>
    <rPh sb="13" eb="16">
      <t>ジギョウショカ</t>
    </rPh>
    <rPh sb="17" eb="19">
      <t>カサンチ</t>
    </rPh>
    <rPh sb="20" eb="22">
      <t>チイキカ</t>
    </rPh>
    <rPh sb="23" eb="24">
      <t>カンジ</t>
    </rPh>
    <rPh sb="26" eb="28">
      <t>ジョウキョウ</t>
    </rPh>
    <phoneticPr fontId="4"/>
  </si>
  <si>
    <t>中山間地域等における小規模事業所
加算（規模に関する状況）</t>
    <rPh sb="0" eb="1">
      <t>チュウサ</t>
    </rPh>
    <rPh sb="1" eb="3">
      <t>サンカンチ</t>
    </rPh>
    <rPh sb="3" eb="5">
      <t>チイキト</t>
    </rPh>
    <rPh sb="5" eb="6">
      <t>トウシ</t>
    </rPh>
    <rPh sb="10" eb="13">
      <t>ショウキボジ</t>
    </rPh>
    <rPh sb="13" eb="16">
      <t>ジギョウショカ</t>
    </rPh>
    <rPh sb="17" eb="19">
      <t>カサンキ</t>
    </rPh>
    <rPh sb="20" eb="22">
      <t>キボカ</t>
    </rPh>
    <rPh sb="23" eb="24">
      <t>カンジ</t>
    </rPh>
    <rPh sb="26" eb="28">
      <t>ジョウキョウ</t>
    </rPh>
    <phoneticPr fontId="4"/>
  </si>
  <si>
    <t>口腔連携強化加算</t>
    <rPh sb="0" eb="2">
      <t>コウクウレ</t>
    </rPh>
    <rPh sb="2" eb="4">
      <t>レンケイキ</t>
    </rPh>
    <rPh sb="4" eb="6">
      <t>キョウカカ</t>
    </rPh>
    <rPh sb="6" eb="8">
      <t>カサン</t>
    </rPh>
    <phoneticPr fontId="4"/>
  </si>
  <si>
    <t>介護職員等処遇改善加算</t>
  </si>
  <si>
    <t>７ 加算Ⅰイ</t>
  </si>
  <si>
    <t>Ｓ 加算Ⅰロ</t>
    <rPh sb="2" eb="4">
      <t>カサン</t>
    </rPh>
    <phoneticPr fontId="4"/>
  </si>
  <si>
    <t>８ 加算Ⅱイ</t>
    <rPh sb="2" eb="4">
      <t>カサン</t>
    </rPh>
    <phoneticPr fontId="4"/>
  </si>
  <si>
    <t>Ｔ 加算Ⅱロ</t>
    <rPh sb="2" eb="4">
      <t>カサン</t>
    </rPh>
    <phoneticPr fontId="4"/>
  </si>
  <si>
    <t>９ 加算Ⅲ</t>
  </si>
  <si>
    <t>Ａ 加算Ⅳ</t>
  </si>
  <si>
    <t>職員の欠員による減算の状況</t>
  </si>
  <si>
    <t>２ 看護職員</t>
    <rPh sb="2" eb="4">
      <t>カンゴシ</t>
    </rPh>
    <rPh sb="4" eb="6">
      <t>ショクイン</t>
    </rPh>
    <phoneticPr fontId="4"/>
  </si>
  <si>
    <t>３ 介護職員</t>
    <rPh sb="2" eb="4">
      <t>カイゴシ</t>
    </rPh>
    <rPh sb="4" eb="6">
      <t>ショクイン</t>
    </rPh>
    <phoneticPr fontId="4"/>
  </si>
  <si>
    <t>若年性認知症利用者受入加算</t>
    <rPh sb="0" eb="3">
      <t>ジャクネンセイニ</t>
    </rPh>
    <rPh sb="3" eb="6">
      <t>ニンチショウリ</t>
    </rPh>
    <rPh sb="6" eb="9">
      <t>リヨウシャウ</t>
    </rPh>
    <rPh sb="9" eb="11">
      <t>ウケイレカ</t>
    </rPh>
    <rPh sb="11" eb="13">
      <t>カサン</t>
    </rPh>
    <phoneticPr fontId="4"/>
  </si>
  <si>
    <t>生活機能向上グループ活動加算</t>
    <rPh sb="0" eb="2">
      <t>セイカツキ</t>
    </rPh>
    <rPh sb="2" eb="4">
      <t>キノウコ</t>
    </rPh>
    <rPh sb="4" eb="6">
      <t>コウジョウカ</t>
    </rPh>
    <rPh sb="10" eb="12">
      <t>カツドウカ</t>
    </rPh>
    <rPh sb="12" eb="14">
      <t>カサン</t>
    </rPh>
    <phoneticPr fontId="4"/>
  </si>
  <si>
    <t>栄養アセスメント・栄養改善体制</t>
  </si>
  <si>
    <t>A6</t>
  </si>
  <si>
    <t>通所型サービス（独自）</t>
    <rPh sb="0" eb="2">
      <t>ツウショガ</t>
    </rPh>
    <rPh sb="2" eb="3">
      <t>ガタド</t>
    </rPh>
    <rPh sb="8" eb="10">
      <t>ドクジ</t>
    </rPh>
    <phoneticPr fontId="4"/>
  </si>
  <si>
    <t>口腔機能向上加算</t>
    <rPh sb="6" eb="8">
      <t>カサン</t>
    </rPh>
    <phoneticPr fontId="4"/>
  </si>
  <si>
    <t>一体的サービス提供加算</t>
    <rPh sb="0" eb="2">
      <t>イッタイテ</t>
    </rPh>
    <rPh sb="2" eb="11">
      <t>テキサービステイキョウカサン</t>
    </rPh>
    <phoneticPr fontId="4"/>
  </si>
  <si>
    <t>サービス提供体制強化加算</t>
    <rPh sb="4" eb="6">
      <t>テイキョウタ</t>
    </rPh>
    <rPh sb="6" eb="8">
      <t>タイセイキ</t>
    </rPh>
    <rPh sb="8" eb="10">
      <t>キョウカカ</t>
    </rPh>
    <rPh sb="10" eb="12">
      <t>カサン</t>
    </rPh>
    <phoneticPr fontId="4"/>
  </si>
  <si>
    <t>５ 加算Ⅰ</t>
  </si>
  <si>
    <t>４ 加算Ⅱ</t>
  </si>
  <si>
    <t>６ 加算Ⅲ</t>
  </si>
  <si>
    <t>生活機能向上連携加算</t>
    <rPh sb="0" eb="2">
      <t>セイカツキ</t>
    </rPh>
    <rPh sb="2" eb="4">
      <t>キノウコ</t>
    </rPh>
    <rPh sb="4" eb="6">
      <t>コウジョウレ</t>
    </rPh>
    <rPh sb="6" eb="8">
      <t>レンケイカ</t>
    </rPh>
    <rPh sb="8" eb="10">
      <t>カサン</t>
    </rPh>
    <phoneticPr fontId="4"/>
  </si>
  <si>
    <t>３ 加算Ⅰ</t>
  </si>
  <si>
    <t>２ 加算Ⅱ</t>
  </si>
  <si>
    <t>科学的介護推進体制加算</t>
    <rPh sb="0" eb="3">
      <t>カガクテキカ</t>
    </rPh>
    <rPh sb="3" eb="5">
      <t>カイゴス</t>
    </rPh>
    <rPh sb="5" eb="7">
      <t>スイシンタ</t>
    </rPh>
    <rPh sb="7" eb="9">
      <t>タイセイカ</t>
    </rPh>
    <rPh sb="9" eb="11">
      <t>カサン</t>
    </rPh>
    <phoneticPr fontId="4"/>
  </si>
  <si>
    <t>介護職員等処遇改善加算
（利用定員19人以上）</t>
    <rPh sb="13" eb="17">
      <t>リヨウテイインニ</t>
    </rPh>
    <rPh sb="19" eb="20">
      <t>ニンイ</t>
    </rPh>
    <rPh sb="20" eb="22">
      <t>イジョウ</t>
    </rPh>
    <phoneticPr fontId="5"/>
  </si>
  <si>
    <t>介護職員等処遇改善加算
（利用定員19人未満）</t>
    <rPh sb="13" eb="15">
      <t>リヨウテ</t>
    </rPh>
    <rPh sb="15" eb="17">
      <t>テイインニ</t>
    </rPh>
    <rPh sb="19" eb="20">
      <t>ニンミ</t>
    </rPh>
    <rPh sb="20" eb="22">
      <t>ミマン</t>
    </rPh>
    <phoneticPr fontId="5"/>
  </si>
  <si>
    <t>AF</t>
  </si>
  <si>
    <t>介護予防</t>
    <rPh sb="0" eb="3">
      <t>カイゴヨボウ</t>
    </rPh>
    <phoneticPr fontId="4"/>
  </si>
  <si>
    <t>ケアマネジメント</t>
  </si>
  <si>
    <t>備考　１ 「割引｣を｢あり｣と記載する場合は「介護予防・日常生活支援総合事業者による事業費の割引に係る割引率の設定について」（別紙51）を添付してください。</t>
  </si>
  <si>
    <t>　　　２ 「サービス提供体制強化加算」については、「サービス提供体制強化加算に関する届出書」（別紙14-7）を添付してください。</t>
  </si>
  <si>
    <t>　　　３ 「同一建物減算（同一敷地内建物等に居住する者への提供90％以上）」については、判定結果がわかる書類（「訪問介護、訪問型サービスにおける同一建物減算に係る計算書」（別紙10）又はこれに準じた計算書等）を添付してください。</t>
  </si>
  <si>
    <t>　　　４ 「口腔連携強化加算」については、「口腔連携強化加算に関する届出書」（別紙11）を添付してください。</t>
  </si>
  <si>
    <r>
      <t>介 護 予 防・日 常 生 活 支 援 総 合 事 業 費 算 定 に 係 る 体 制 等 状 況 一 覧 表</t>
    </r>
    <r>
      <rPr>
        <sz val="14"/>
        <rFont val="HGSｺﾞｼｯｸM"/>
        <family val="3"/>
      </rPr>
      <t>（主たる事業所の所在地以外の場所で一部実施する場合の出張所等の状況）</t>
    </r>
  </si>
  <si>
    <t>１　非該当</t>
  </si>
  <si>
    <t>２　該当</t>
  </si>
  <si>
    <t>通所型サービス（独自）</t>
  </si>
  <si>
    <t>栄養アセスメント・栄養改善体制</t>
    <rPh sb="0" eb="2">
      <t>エイヨウカ</t>
    </rPh>
    <rPh sb="11" eb="13">
      <t>カイゼンタ</t>
    </rPh>
    <rPh sb="13" eb="15">
      <t>タイセイ</t>
    </rPh>
    <phoneticPr fontId="4"/>
  </si>
  <si>
    <t>備考　１　この表は、事業所所在地以外の場所で一部事業を実施する出張所等がある場合について記載することとし、複数出張所等を有する場合は出張所ごとに提出してくださ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font>
      <sz val="11"/>
      <name val="ＭＳ Ｐゴシック"/>
      <family val="3"/>
    </font>
    <font>
      <sz val="11"/>
      <name val="HGSｺﾞｼｯｸM"/>
      <family val="3"/>
    </font>
    <font>
      <sz val="6"/>
      <name val="ＭＳ Ｐゴシック"/>
      <family val="3"/>
      <charset val="128"/>
    </font>
    <font>
      <sz val="16"/>
      <name val="HGSｺﾞｼｯｸM"/>
      <family val="3"/>
    </font>
    <font>
      <sz val="6"/>
      <name val="ＭＳ Ｐゴシック"/>
      <family val="3"/>
    </font>
    <font>
      <u/>
      <sz val="11"/>
      <color indexed="36"/>
      <name val="ＭＳ Ｐゴシック"/>
      <family val="3"/>
    </font>
    <font>
      <strike/>
      <sz val="11"/>
      <name val="HGSｺﾞｼｯｸM"/>
      <family val="3"/>
    </font>
    <font>
      <sz val="11"/>
      <name val="HGｺﾞｼｯｸM"/>
      <family val="3"/>
    </font>
    <font>
      <sz val="14"/>
      <name val="HGSｺﾞｼｯｸM"/>
      <family val="3"/>
    </font>
  </fonts>
  <fills count="3">
    <fill>
      <patternFill patternType="none"/>
    </fill>
    <fill>
      <patternFill patternType="gray125"/>
    </fill>
    <fill>
      <patternFill patternType="solid">
        <fgColor indexed="9"/>
        <bgColor indexed="64"/>
      </patternFill>
    </fill>
  </fills>
  <borders count="3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dashed">
        <color indexed="64"/>
      </bottom>
      <diagonal/>
    </border>
    <border>
      <left style="thin">
        <color indexed="64"/>
      </left>
      <right/>
      <top style="thin">
        <color indexed="64"/>
      </top>
      <bottom style="dashed">
        <color indexed="64"/>
      </bottom>
      <diagonal/>
    </border>
    <border>
      <left/>
      <right/>
      <top/>
      <bottom style="dashed">
        <color indexed="64"/>
      </bottom>
      <diagonal/>
    </border>
    <border>
      <left/>
      <right style="thin">
        <color indexed="64"/>
      </right>
      <top/>
      <bottom style="dashed">
        <color indexed="64"/>
      </bottom>
      <diagonal/>
    </border>
    <border>
      <left/>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diagonal/>
    </border>
    <border>
      <left style="thin">
        <color indexed="64"/>
      </left>
      <right/>
      <top style="dashed">
        <color indexed="64"/>
      </top>
      <bottom/>
      <diagonal/>
    </border>
    <border>
      <left/>
      <right/>
      <top style="dashed">
        <color indexed="64"/>
      </top>
      <bottom/>
      <diagonal/>
    </border>
    <border>
      <left style="thin">
        <color indexed="64"/>
      </left>
      <right style="thin">
        <color indexed="64"/>
      </right>
      <top/>
      <bottom style="dashed">
        <color indexed="64"/>
      </bottom>
      <diagonal/>
    </border>
    <border>
      <left style="thin">
        <color indexed="64"/>
      </left>
      <right/>
      <top/>
      <bottom style="dashed">
        <color indexed="64"/>
      </bottom>
      <diagonal/>
    </border>
    <border>
      <left/>
      <right/>
      <top style="thin">
        <color indexed="64"/>
      </top>
      <bottom style="dashed">
        <color indexed="64"/>
      </bottom>
      <diagonal/>
    </border>
    <border>
      <left/>
      <right/>
      <top style="dashed">
        <color indexed="64"/>
      </top>
      <bottom style="thin">
        <color indexed="64"/>
      </bottom>
      <diagonal/>
    </border>
    <border>
      <left/>
      <right style="thin">
        <color indexed="64"/>
      </right>
      <top style="dashed">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right style="thin">
        <color indexed="64"/>
      </right>
      <top style="thin">
        <color indexed="64"/>
      </top>
      <bottom style="dashed">
        <color indexed="64"/>
      </bottom>
      <diagonal/>
    </border>
    <border>
      <left style="thin">
        <color indexed="64"/>
      </left>
      <right style="thin">
        <color indexed="64"/>
      </right>
      <top style="dashed">
        <color indexed="64"/>
      </top>
      <bottom style="dashed">
        <color indexed="64"/>
      </bottom>
      <diagonal/>
    </border>
    <border>
      <left/>
      <right/>
      <top style="dotted">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style="thin">
        <color indexed="64"/>
      </right>
      <top style="dashed">
        <color indexed="64"/>
      </top>
      <bottom style="thin">
        <color indexed="64"/>
      </bottom>
      <diagonal/>
    </border>
  </borders>
  <cellStyleXfs count="1">
    <xf numFmtId="0" fontId="0" fillId="0" borderId="0"/>
  </cellStyleXfs>
  <cellXfs count="157">
    <xf numFmtId="0" fontId="0" fillId="0" borderId="0" xfId="0"/>
    <xf numFmtId="0" fontId="1" fillId="2" borderId="0" xfId="0" applyFont="1" applyFill="1" applyAlignment="1">
      <alignment horizontal="center" vertical="center"/>
    </xf>
    <xf numFmtId="0" fontId="1" fillId="2" borderId="0" xfId="0" applyFont="1" applyFill="1" applyAlignment="1">
      <alignment horizontal="left" vertical="center"/>
    </xf>
    <xf numFmtId="0" fontId="3" fillId="2" borderId="0" xfId="0" applyFont="1" applyFill="1" applyAlignment="1">
      <alignment horizontal="left" vertical="center"/>
    </xf>
    <xf numFmtId="0" fontId="3" fillId="2" borderId="0" xfId="0" applyFont="1" applyFill="1" applyAlignment="1">
      <alignment horizontal="center" vertical="center"/>
    </xf>
    <xf numFmtId="0" fontId="1" fillId="2" borderId="1"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5"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6" xfId="0" applyFont="1" applyFill="1" applyBorder="1" applyAlignment="1">
      <alignment vertical="center"/>
    </xf>
    <xf numFmtId="0" fontId="1" fillId="2" borderId="7" xfId="0" applyFont="1" applyFill="1" applyBorder="1" applyAlignment="1">
      <alignment horizontal="center" vertical="center"/>
    </xf>
    <xf numFmtId="0" fontId="1" fillId="2" borderId="8" xfId="0" applyFont="1" applyFill="1" applyBorder="1" applyAlignment="1">
      <alignment vertical="center"/>
    </xf>
    <xf numFmtId="0" fontId="1" fillId="2" borderId="6" xfId="0" applyFont="1" applyFill="1" applyBorder="1" applyAlignment="1">
      <alignment horizontal="left" vertical="center"/>
    </xf>
    <xf numFmtId="0" fontId="1" fillId="2" borderId="7" xfId="0" applyFont="1" applyFill="1" applyBorder="1" applyAlignment="1">
      <alignment vertical="center"/>
    </xf>
    <xf numFmtId="0" fontId="1" fillId="2" borderId="6" xfId="0" applyFont="1" applyFill="1" applyBorder="1" applyAlignment="1">
      <alignment horizontal="center" vertical="center"/>
    </xf>
    <xf numFmtId="0" fontId="1" fillId="2" borderId="9" xfId="0" applyFont="1" applyFill="1" applyBorder="1" applyAlignment="1">
      <alignment horizontal="left" vertical="center" wrapText="1"/>
    </xf>
    <xf numFmtId="0" fontId="0" fillId="2" borderId="10" xfId="0" applyFill="1" applyBorder="1" applyAlignment="1">
      <alignment horizontal="center" vertical="center"/>
    </xf>
    <xf numFmtId="0" fontId="1" fillId="2" borderId="11" xfId="0" applyFont="1" applyFill="1" applyBorder="1" applyAlignment="1">
      <alignment vertical="center"/>
    </xf>
    <xf numFmtId="0" fontId="0" fillId="2" borderId="11" xfId="0" applyFill="1" applyBorder="1" applyAlignment="1">
      <alignment vertical="center"/>
    </xf>
    <xf numFmtId="0" fontId="0" fillId="2" borderId="0" xfId="0" applyFill="1" applyAlignment="1">
      <alignment horizontal="center" vertical="center"/>
    </xf>
    <xf numFmtId="0" fontId="1" fillId="2" borderId="12" xfId="0" applyFont="1" applyFill="1" applyBorder="1" applyAlignment="1">
      <alignment vertical="center"/>
    </xf>
    <xf numFmtId="0" fontId="0" fillId="2" borderId="6" xfId="0" applyFill="1" applyBorder="1" applyAlignment="1">
      <alignment horizontal="center" vertical="center"/>
    </xf>
    <xf numFmtId="0" fontId="1" fillId="2" borderId="13" xfId="0" applyFont="1" applyFill="1" applyBorder="1" applyAlignment="1">
      <alignment vertical="center"/>
    </xf>
    <xf numFmtId="0" fontId="1" fillId="2" borderId="7" xfId="0" applyFont="1" applyFill="1" applyBorder="1" applyAlignment="1">
      <alignment vertical="top"/>
    </xf>
    <xf numFmtId="0" fontId="1" fillId="2" borderId="14" xfId="0" applyFont="1" applyFill="1" applyBorder="1" applyAlignment="1">
      <alignment vertical="center"/>
    </xf>
    <xf numFmtId="0" fontId="1" fillId="2" borderId="15" xfId="0" applyFont="1" applyFill="1" applyBorder="1" applyAlignment="1">
      <alignment horizontal="center" vertical="center"/>
    </xf>
    <xf numFmtId="0" fontId="1" fillId="2" borderId="16" xfId="0" applyFont="1" applyFill="1" applyBorder="1" applyAlignment="1">
      <alignment vertical="center"/>
    </xf>
    <xf numFmtId="0" fontId="1" fillId="2" borderId="14" xfId="0" applyFont="1" applyFill="1" applyBorder="1" applyAlignment="1">
      <alignment horizontal="left" vertical="center"/>
    </xf>
    <xf numFmtId="0" fontId="1" fillId="2" borderId="15" xfId="0" applyFont="1" applyFill="1" applyBorder="1" applyAlignment="1">
      <alignment vertical="center" wrapText="1"/>
    </xf>
    <xf numFmtId="0" fontId="1" fillId="2" borderId="14" xfId="0" applyFont="1" applyFill="1" applyBorder="1" applyAlignment="1">
      <alignment horizontal="left" vertical="center" wrapText="1"/>
    </xf>
    <xf numFmtId="0" fontId="1" fillId="2" borderId="15" xfId="0" applyFont="1" applyFill="1" applyBorder="1" applyAlignment="1">
      <alignment vertical="center"/>
    </xf>
    <xf numFmtId="0" fontId="1" fillId="2" borderId="17" xfId="0" applyFont="1" applyFill="1" applyBorder="1" applyAlignment="1">
      <alignment vertical="center"/>
    </xf>
    <xf numFmtId="0" fontId="0" fillId="2" borderId="17" xfId="0" applyFill="1" applyBorder="1" applyAlignment="1">
      <alignment horizontal="center" vertical="center"/>
    </xf>
    <xf numFmtId="0" fontId="1" fillId="2" borderId="18" xfId="0" applyFont="1" applyFill="1" applyBorder="1" applyAlignment="1">
      <alignment vertical="center"/>
    </xf>
    <xf numFmtId="0" fontId="0" fillId="2" borderId="18" xfId="0" applyFill="1" applyBorder="1" applyAlignment="1">
      <alignment vertical="center"/>
    </xf>
    <xf numFmtId="0" fontId="1" fillId="2" borderId="18" xfId="0" applyFont="1" applyFill="1" applyBorder="1" applyAlignment="1">
      <alignment horizontal="left" vertical="center" wrapText="1"/>
    </xf>
    <xf numFmtId="0" fontId="0" fillId="2" borderId="18" xfId="0" applyFill="1" applyBorder="1" applyAlignment="1">
      <alignment horizontal="center" vertical="center"/>
    </xf>
    <xf numFmtId="0" fontId="0" fillId="2" borderId="18" xfId="0" applyFill="1" applyBorder="1" applyAlignment="1">
      <alignment horizontal="left" vertical="center"/>
    </xf>
    <xf numFmtId="0" fontId="0" fillId="2" borderId="19" xfId="0" applyFill="1" applyBorder="1" applyAlignment="1">
      <alignment horizontal="left" vertical="center"/>
    </xf>
    <xf numFmtId="0" fontId="0" fillId="2" borderId="14" xfId="0" applyFill="1" applyBorder="1" applyAlignment="1">
      <alignment horizontal="center" vertical="center"/>
    </xf>
    <xf numFmtId="0" fontId="1" fillId="2" borderId="0" xfId="0" applyFont="1" applyFill="1" applyAlignment="1">
      <alignment vertical="center"/>
    </xf>
    <xf numFmtId="0" fontId="1" fillId="2" borderId="15" xfId="0" applyFont="1" applyFill="1" applyBorder="1" applyAlignment="1">
      <alignment vertical="top"/>
    </xf>
    <xf numFmtId="0" fontId="1" fillId="2" borderId="14" xfId="0" applyFont="1" applyFill="1" applyBorder="1" applyAlignment="1">
      <alignment horizontal="center" vertical="center"/>
    </xf>
    <xf numFmtId="0" fontId="1" fillId="2" borderId="20" xfId="0" applyFont="1" applyFill="1" applyBorder="1" applyAlignment="1">
      <alignment horizontal="left" vertical="center" wrapText="1"/>
    </xf>
    <xf numFmtId="0" fontId="0" fillId="2" borderId="21" xfId="0" applyFill="1" applyBorder="1" applyAlignment="1">
      <alignment horizontal="center" vertical="center"/>
    </xf>
    <xf numFmtId="0" fontId="1" fillId="2" borderId="22" xfId="0" applyFont="1" applyFill="1" applyBorder="1" applyAlignment="1">
      <alignment horizontal="left" vertical="center"/>
    </xf>
    <xf numFmtId="0" fontId="0" fillId="2" borderId="22" xfId="0" applyFill="1" applyBorder="1" applyAlignment="1">
      <alignment horizontal="center" vertical="center" wrapText="1"/>
    </xf>
    <xf numFmtId="0" fontId="0" fillId="2" borderId="22" xfId="0" applyFill="1" applyBorder="1" applyAlignment="1">
      <alignment horizontal="center" vertical="center"/>
    </xf>
    <xf numFmtId="0" fontId="0" fillId="2" borderId="14" xfId="0" applyFill="1" applyBorder="1" applyAlignment="1">
      <alignment vertical="top"/>
    </xf>
    <xf numFmtId="0" fontId="1" fillId="2" borderId="23" xfId="0" applyFont="1" applyFill="1" applyBorder="1" applyAlignment="1">
      <alignment horizontal="left" vertical="center" wrapText="1"/>
    </xf>
    <xf numFmtId="0" fontId="0" fillId="2" borderId="24" xfId="0" applyFill="1" applyBorder="1" applyAlignment="1">
      <alignment horizontal="center" vertical="center"/>
    </xf>
    <xf numFmtId="0" fontId="1" fillId="2" borderId="11" xfId="0" applyFont="1" applyFill="1" applyBorder="1" applyAlignment="1">
      <alignment horizontal="left" vertical="center"/>
    </xf>
    <xf numFmtId="0" fontId="0" fillId="2" borderId="11" xfId="0" applyFill="1" applyBorder="1" applyAlignment="1">
      <alignment horizontal="center" vertical="center" wrapText="1"/>
    </xf>
    <xf numFmtId="0" fontId="0" fillId="2" borderId="11" xfId="0" applyFill="1" applyBorder="1" applyAlignment="1">
      <alignment horizontal="center" vertical="center"/>
    </xf>
    <xf numFmtId="0" fontId="0" fillId="2" borderId="25" xfId="0" applyFill="1" applyBorder="1" applyAlignment="1">
      <alignment horizontal="center" vertical="center"/>
    </xf>
    <xf numFmtId="0" fontId="1" fillId="2" borderId="26" xfId="0" applyFont="1" applyFill="1" applyBorder="1" applyAlignment="1">
      <alignment vertical="center"/>
    </xf>
    <xf numFmtId="0" fontId="1" fillId="2" borderId="19" xfId="0" applyFont="1" applyFill="1" applyBorder="1" applyAlignment="1">
      <alignment vertical="center"/>
    </xf>
    <xf numFmtId="0" fontId="1" fillId="2" borderId="22" xfId="0" applyFont="1" applyFill="1" applyBorder="1" applyAlignment="1">
      <alignment horizontal="center" vertical="center" wrapText="1"/>
    </xf>
    <xf numFmtId="0" fontId="0" fillId="2" borderId="22" xfId="0" applyFill="1" applyBorder="1" applyAlignment="1">
      <alignment vertical="center"/>
    </xf>
    <xf numFmtId="0" fontId="0" fillId="2" borderId="27" xfId="0" applyFill="1" applyBorder="1" applyAlignment="1">
      <alignment vertical="center"/>
    </xf>
    <xf numFmtId="0" fontId="1" fillId="2" borderId="0" xfId="0" applyFont="1" applyFill="1" applyAlignment="1">
      <alignment vertical="top"/>
    </xf>
    <xf numFmtId="0" fontId="1" fillId="2" borderId="11" xfId="0" applyFont="1" applyFill="1" applyBorder="1" applyAlignment="1">
      <alignment horizontal="center" vertical="center" wrapText="1"/>
    </xf>
    <xf numFmtId="0" fontId="0" fillId="2" borderId="11" xfId="0" applyFill="1" applyBorder="1" applyAlignment="1">
      <alignment horizontal="left" vertical="center"/>
    </xf>
    <xf numFmtId="0" fontId="0" fillId="2" borderId="12" xfId="0" applyFill="1" applyBorder="1" applyAlignment="1">
      <alignment horizontal="left" vertical="center"/>
    </xf>
    <xf numFmtId="0" fontId="0" fillId="2" borderId="0" xfId="0" applyFill="1" applyAlignment="1">
      <alignment vertical="top"/>
    </xf>
    <xf numFmtId="0" fontId="0" fillId="2" borderId="15" xfId="0" applyFill="1" applyBorder="1" applyAlignment="1">
      <alignment vertical="top"/>
    </xf>
    <xf numFmtId="0" fontId="0" fillId="2" borderId="21" xfId="0" applyFill="1" applyBorder="1" applyAlignment="1">
      <alignment horizontal="center" vertical="center"/>
    </xf>
    <xf numFmtId="0" fontId="1" fillId="2" borderId="22" xfId="0" applyFont="1" applyFill="1" applyBorder="1" applyAlignment="1">
      <alignment vertical="center"/>
    </xf>
    <xf numFmtId="0" fontId="0" fillId="2" borderId="22" xfId="0" applyFill="1" applyBorder="1" applyAlignment="1">
      <alignment horizontal="center" vertical="center"/>
    </xf>
    <xf numFmtId="0" fontId="6" fillId="2" borderId="22" xfId="0" applyFont="1" applyFill="1" applyBorder="1" applyAlignment="1">
      <alignment vertical="center"/>
    </xf>
    <xf numFmtId="0" fontId="0" fillId="2" borderId="22" xfId="0" applyFill="1" applyBorder="1" applyAlignment="1">
      <alignment horizontal="left" vertical="center"/>
    </xf>
    <xf numFmtId="0" fontId="0" fillId="2" borderId="27" xfId="0" applyFill="1" applyBorder="1" applyAlignment="1">
      <alignment horizontal="left" vertical="center"/>
    </xf>
    <xf numFmtId="0" fontId="1" fillId="2" borderId="28" xfId="0" applyFont="1" applyFill="1" applyBorder="1" applyAlignment="1">
      <alignment vertical="center"/>
    </xf>
    <xf numFmtId="0" fontId="1" fillId="2" borderId="29" xfId="0" applyFont="1" applyFill="1" applyBorder="1" applyAlignment="1">
      <alignment horizontal="center" vertical="center"/>
    </xf>
    <xf numFmtId="0" fontId="1" fillId="2" borderId="30" xfId="0" applyFont="1" applyFill="1" applyBorder="1" applyAlignment="1">
      <alignment vertical="center"/>
    </xf>
    <xf numFmtId="0" fontId="1" fillId="2" borderId="28" xfId="0" applyFont="1" applyFill="1" applyBorder="1" applyAlignment="1">
      <alignment horizontal="left" vertical="center"/>
    </xf>
    <xf numFmtId="0" fontId="1" fillId="2" borderId="29" xfId="0" applyFont="1" applyFill="1" applyBorder="1" applyAlignment="1">
      <alignment vertical="center" wrapText="1"/>
    </xf>
    <xf numFmtId="0" fontId="1" fillId="2" borderId="28" xfId="0" applyFont="1" applyFill="1" applyBorder="1" applyAlignment="1">
      <alignment horizontal="left" vertical="center" wrapText="1"/>
    </xf>
    <xf numFmtId="0" fontId="1" fillId="2" borderId="29" xfId="0" applyFont="1" applyFill="1" applyBorder="1" applyAlignment="1">
      <alignment vertical="center"/>
    </xf>
    <xf numFmtId="0" fontId="1" fillId="2" borderId="30" xfId="0" applyFont="1" applyFill="1" applyBorder="1" applyAlignment="1">
      <alignment horizontal="left" vertical="center" wrapText="1"/>
    </xf>
    <xf numFmtId="0" fontId="1" fillId="2" borderId="31" xfId="0" applyFont="1" applyFill="1" applyBorder="1" applyAlignment="1">
      <alignment vertical="center"/>
    </xf>
    <xf numFmtId="0" fontId="6" fillId="2" borderId="31" xfId="0" applyFont="1" applyFill="1" applyBorder="1" applyAlignment="1">
      <alignment vertical="center"/>
    </xf>
    <xf numFmtId="0" fontId="0" fillId="2" borderId="31" xfId="0" applyFill="1" applyBorder="1" applyAlignment="1">
      <alignment horizontal="center" vertical="center"/>
    </xf>
    <xf numFmtId="0" fontId="0" fillId="2" borderId="31" xfId="0" applyFill="1" applyBorder="1" applyAlignment="1">
      <alignment horizontal="left" vertical="center"/>
    </xf>
    <xf numFmtId="0" fontId="0" fillId="2" borderId="29" xfId="0" applyFill="1" applyBorder="1" applyAlignment="1">
      <alignment horizontal="left" vertical="center"/>
    </xf>
    <xf numFmtId="0" fontId="1" fillId="2" borderId="31" xfId="0" applyFont="1" applyFill="1" applyBorder="1" applyAlignment="1">
      <alignment vertical="top"/>
    </xf>
    <xf numFmtId="0" fontId="1" fillId="2" borderId="29" xfId="0" applyFont="1" applyFill="1" applyBorder="1" applyAlignment="1">
      <alignment vertical="top"/>
    </xf>
    <xf numFmtId="0" fontId="1" fillId="2" borderId="28" xfId="0" applyFont="1" applyFill="1" applyBorder="1" applyAlignment="1">
      <alignment vertical="top"/>
    </xf>
    <xf numFmtId="0" fontId="1" fillId="2" borderId="9" xfId="0" applyFont="1" applyFill="1" applyBorder="1" applyAlignment="1">
      <alignment horizontal="left" vertical="center"/>
    </xf>
    <xf numFmtId="0" fontId="1" fillId="2" borderId="25" xfId="0" applyFont="1" applyFill="1" applyBorder="1" applyAlignment="1">
      <alignment vertical="center"/>
    </xf>
    <xf numFmtId="0" fontId="1" fillId="2" borderId="25" xfId="0" applyFont="1" applyFill="1" applyBorder="1" applyAlignment="1">
      <alignment horizontal="left" vertical="center" wrapText="1"/>
    </xf>
    <xf numFmtId="0" fontId="1" fillId="2" borderId="25" xfId="0" applyFont="1" applyFill="1" applyBorder="1" applyAlignment="1">
      <alignment horizontal="left" vertical="center"/>
    </xf>
    <xf numFmtId="0" fontId="1" fillId="2" borderId="32" xfId="0" applyFont="1" applyFill="1" applyBorder="1" applyAlignment="1">
      <alignment horizontal="left" vertical="center"/>
    </xf>
    <xf numFmtId="0" fontId="1" fillId="2" borderId="23" xfId="0" applyFont="1" applyFill="1" applyBorder="1" applyAlignment="1">
      <alignment horizontal="left" vertical="center"/>
    </xf>
    <xf numFmtId="0" fontId="1" fillId="2" borderId="0" xfId="0" applyFont="1" applyFill="1" applyAlignment="1">
      <alignment horizontal="left" vertical="center" wrapText="1"/>
    </xf>
    <xf numFmtId="0" fontId="1" fillId="2" borderId="18" xfId="0" applyFont="1" applyFill="1" applyBorder="1" applyAlignment="1">
      <alignment horizontal="left" vertical="center"/>
    </xf>
    <xf numFmtId="0" fontId="1" fillId="2" borderId="11" xfId="0" applyFont="1" applyFill="1" applyBorder="1" applyAlignment="1">
      <alignment horizontal="left" vertical="center"/>
    </xf>
    <xf numFmtId="0" fontId="1" fillId="2" borderId="12" xfId="0" applyFont="1" applyFill="1" applyBorder="1" applyAlignment="1">
      <alignment horizontal="left" vertical="center"/>
    </xf>
    <xf numFmtId="0" fontId="1" fillId="2" borderId="14" xfId="0" applyFont="1" applyFill="1" applyBorder="1" applyAlignment="1">
      <alignment vertical="top"/>
    </xf>
    <xf numFmtId="0" fontId="1" fillId="2" borderId="33" xfId="0" applyFont="1" applyFill="1" applyBorder="1" applyAlignment="1">
      <alignment horizontal="left" vertical="center"/>
    </xf>
    <xf numFmtId="0" fontId="1" fillId="2" borderId="19" xfId="0" applyFont="1" applyFill="1" applyBorder="1" applyAlignment="1">
      <alignment horizontal="left" vertical="center"/>
    </xf>
    <xf numFmtId="0" fontId="1" fillId="2" borderId="15" xfId="0" applyFont="1" applyFill="1" applyBorder="1" applyAlignment="1">
      <alignment horizontal="left" vertical="center"/>
    </xf>
    <xf numFmtId="0" fontId="1" fillId="2" borderId="33" xfId="0" applyFont="1" applyFill="1" applyBorder="1" applyAlignment="1">
      <alignment horizontal="left" vertical="center" shrinkToFit="1"/>
    </xf>
    <xf numFmtId="0" fontId="1" fillId="2" borderId="21" xfId="0" applyFont="1" applyFill="1" applyBorder="1" applyAlignment="1">
      <alignment horizontal="center" vertical="center"/>
    </xf>
    <xf numFmtId="0" fontId="1" fillId="2" borderId="18" xfId="0" applyFont="1" applyFill="1" applyBorder="1" applyAlignment="1">
      <alignment horizontal="center" vertical="center"/>
    </xf>
    <xf numFmtId="0" fontId="1" fillId="2" borderId="33" xfId="0" applyFont="1" applyFill="1" applyBorder="1" applyAlignment="1">
      <alignment horizontal="left" vertical="center" wrapText="1"/>
    </xf>
    <xf numFmtId="0" fontId="1" fillId="2" borderId="16" xfId="0" applyFont="1" applyFill="1" applyBorder="1" applyAlignment="1">
      <alignment horizontal="left" vertical="center" wrapText="1"/>
    </xf>
    <xf numFmtId="0" fontId="6" fillId="2" borderId="11" xfId="0" applyFont="1" applyFill="1" applyBorder="1" applyAlignment="1">
      <alignment vertical="center"/>
    </xf>
    <xf numFmtId="0" fontId="0" fillId="2" borderId="11" xfId="0" applyFill="1" applyBorder="1" applyAlignment="1">
      <alignment horizontal="center" vertical="center"/>
    </xf>
    <xf numFmtId="0" fontId="0" fillId="2" borderId="0" xfId="0" applyFill="1" applyAlignment="1">
      <alignment horizontal="left" vertical="center"/>
    </xf>
    <xf numFmtId="0" fontId="0" fillId="2" borderId="15" xfId="0" applyFill="1" applyBorder="1" applyAlignment="1">
      <alignment horizontal="left" vertical="center"/>
    </xf>
    <xf numFmtId="0" fontId="6" fillId="2" borderId="0" xfId="0" applyFont="1" applyFill="1" applyAlignment="1">
      <alignment vertical="center"/>
    </xf>
    <xf numFmtId="0" fontId="0" fillId="2" borderId="6" xfId="0" applyFill="1" applyBorder="1" applyAlignment="1">
      <alignment horizontal="center" vertical="center"/>
    </xf>
    <xf numFmtId="0" fontId="1" fillId="2" borderId="7" xfId="0" applyFont="1" applyFill="1" applyBorder="1" applyAlignment="1">
      <alignment horizontal="center" vertical="center"/>
    </xf>
    <xf numFmtId="0" fontId="1" fillId="2" borderId="0" xfId="0" applyFont="1" applyFill="1" applyAlignment="1">
      <alignment vertical="center" wrapText="1"/>
    </xf>
    <xf numFmtId="0" fontId="1" fillId="2" borderId="8" xfId="0" applyFont="1" applyFill="1" applyBorder="1" applyAlignment="1">
      <alignment horizontal="left" vertical="center" wrapText="1"/>
    </xf>
    <xf numFmtId="0" fontId="1" fillId="2" borderId="13" xfId="0" applyFont="1" applyFill="1" applyBorder="1" applyAlignment="1">
      <alignment horizontal="left" vertical="center"/>
    </xf>
    <xf numFmtId="0" fontId="0" fillId="2" borderId="13" xfId="0" applyFill="1" applyBorder="1" applyAlignment="1">
      <alignment horizontal="center" vertical="center"/>
    </xf>
    <xf numFmtId="0" fontId="7" fillId="2" borderId="13" xfId="0" applyFont="1" applyFill="1" applyBorder="1" applyAlignment="1">
      <alignment horizontal="left" vertical="center"/>
    </xf>
    <xf numFmtId="0" fontId="0" fillId="2" borderId="13" xfId="0" applyFill="1" applyBorder="1" applyAlignment="1">
      <alignment horizontal="left" vertical="center"/>
    </xf>
    <xf numFmtId="0" fontId="0" fillId="2" borderId="7" xfId="0" applyFill="1" applyBorder="1" applyAlignment="1">
      <alignment horizontal="left" vertical="center"/>
    </xf>
    <xf numFmtId="0" fontId="0" fillId="2" borderId="28" xfId="0" applyFill="1" applyBorder="1" applyAlignment="1">
      <alignment horizontal="center" vertical="center"/>
    </xf>
    <xf numFmtId="0" fontId="1" fillId="2" borderId="29" xfId="0" applyFont="1" applyFill="1" applyBorder="1" applyAlignment="1">
      <alignment horizontal="center" vertical="center"/>
    </xf>
    <xf numFmtId="0" fontId="1" fillId="2" borderId="31" xfId="0" applyFont="1" applyFill="1" applyBorder="1" applyAlignment="1">
      <alignment horizontal="left" vertical="center" wrapText="1"/>
    </xf>
    <xf numFmtId="0" fontId="1" fillId="2" borderId="31" xfId="0" applyFont="1" applyFill="1" applyBorder="1" applyAlignment="1">
      <alignment horizontal="left" vertical="center"/>
    </xf>
    <xf numFmtId="0" fontId="0" fillId="2" borderId="31" xfId="0" applyFill="1" applyBorder="1" applyAlignment="1">
      <alignment horizontal="center" vertical="center"/>
    </xf>
    <xf numFmtId="0" fontId="1" fillId="2" borderId="31" xfId="0" applyFont="1" applyFill="1" applyBorder="1" applyAlignment="1">
      <alignment horizontal="left" vertical="center"/>
    </xf>
    <xf numFmtId="0" fontId="1" fillId="2" borderId="29" xfId="0" applyFont="1" applyFill="1" applyBorder="1" applyAlignment="1">
      <alignment horizontal="left" vertical="center"/>
    </xf>
    <xf numFmtId="0" fontId="0" fillId="2" borderId="28" xfId="0" applyFill="1" applyBorder="1" applyAlignment="1">
      <alignment horizontal="center" vertical="center"/>
    </xf>
    <xf numFmtId="0" fontId="1" fillId="2" borderId="10" xfId="0" applyFont="1" applyFill="1" applyBorder="1" applyAlignment="1">
      <alignment horizontal="center" vertical="center"/>
    </xf>
    <xf numFmtId="0" fontId="1" fillId="2" borderId="14" xfId="0" applyFont="1" applyFill="1" applyBorder="1" applyAlignment="1">
      <alignment vertical="center" wrapText="1"/>
    </xf>
    <xf numFmtId="0" fontId="0" fillId="2" borderId="34" xfId="0" applyFill="1" applyBorder="1" applyAlignment="1">
      <alignment horizontal="left" vertical="center"/>
    </xf>
    <xf numFmtId="0" fontId="1" fillId="2" borderId="21" xfId="0" applyFont="1" applyFill="1" applyBorder="1" applyAlignment="1">
      <alignment horizontal="center" vertical="center"/>
    </xf>
    <xf numFmtId="0" fontId="1" fillId="2" borderId="22" xfId="0" applyFont="1" applyFill="1" applyBorder="1" applyAlignment="1">
      <alignment horizontal="center" vertical="center"/>
    </xf>
    <xf numFmtId="0" fontId="1" fillId="2" borderId="22" xfId="0" applyFont="1" applyFill="1" applyBorder="1" applyAlignment="1">
      <alignment horizontal="left" vertical="center"/>
    </xf>
    <xf numFmtId="0" fontId="1" fillId="2" borderId="24"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16" xfId="0" applyFont="1" applyFill="1" applyBorder="1" applyAlignment="1">
      <alignment horizontal="left" vertical="center" wrapText="1"/>
    </xf>
    <xf numFmtId="0" fontId="1" fillId="2" borderId="27" xfId="0" applyFont="1" applyFill="1" applyBorder="1" applyAlignment="1">
      <alignment horizontal="left" vertical="center"/>
    </xf>
    <xf numFmtId="0" fontId="1" fillId="2" borderId="28" xfId="0" applyFont="1" applyFill="1" applyBorder="1" applyAlignment="1">
      <alignment horizontal="center" vertical="center"/>
    </xf>
    <xf numFmtId="0" fontId="1" fillId="2" borderId="35" xfId="0" applyFont="1" applyFill="1" applyBorder="1" applyAlignment="1">
      <alignment vertical="center"/>
    </xf>
    <xf numFmtId="0" fontId="1" fillId="2" borderId="17" xfId="0" applyFont="1" applyFill="1" applyBorder="1" applyAlignment="1">
      <alignment horizontal="center" vertical="center"/>
    </xf>
    <xf numFmtId="0" fontId="1" fillId="2" borderId="26" xfId="0" applyFont="1" applyFill="1" applyBorder="1" applyAlignment="1">
      <alignment vertical="top"/>
    </xf>
    <xf numFmtId="0" fontId="1" fillId="2" borderId="25" xfId="0" applyFont="1" applyFill="1" applyBorder="1" applyAlignment="1">
      <alignment horizontal="center" vertical="center"/>
    </xf>
    <xf numFmtId="0" fontId="1" fillId="2" borderId="32" xfId="0" applyFont="1" applyFill="1" applyBorder="1" applyAlignment="1">
      <alignment vertical="center"/>
    </xf>
    <xf numFmtId="0" fontId="1" fillId="2" borderId="18" xfId="0" applyFont="1" applyFill="1" applyBorder="1" applyAlignment="1">
      <alignment vertical="top"/>
    </xf>
    <xf numFmtId="0" fontId="1" fillId="2" borderId="19" xfId="0" applyFont="1" applyFill="1" applyBorder="1" applyAlignment="1">
      <alignment vertical="top"/>
    </xf>
    <xf numFmtId="0" fontId="1" fillId="2" borderId="11" xfId="0" applyFont="1" applyFill="1" applyBorder="1" applyAlignment="1">
      <alignment vertical="top"/>
    </xf>
    <xf numFmtId="0" fontId="1" fillId="2" borderId="35" xfId="0" applyFont="1" applyFill="1" applyBorder="1" applyAlignment="1">
      <alignment horizontal="left" vertical="center"/>
    </xf>
    <xf numFmtId="0" fontId="1" fillId="2" borderId="36" xfId="0" applyFont="1" applyFill="1" applyBorder="1" applyAlignment="1">
      <alignment horizontal="center" vertical="center"/>
    </xf>
    <xf numFmtId="0" fontId="1" fillId="2" borderId="26" xfId="0" applyFont="1" applyFill="1" applyBorder="1" applyAlignment="1">
      <alignment horizontal="center" vertical="center"/>
    </xf>
    <xf numFmtId="0" fontId="1" fillId="2" borderId="26" xfId="0" applyFont="1" applyFill="1" applyBorder="1" applyAlignment="1">
      <alignment horizontal="left" vertical="center"/>
    </xf>
    <xf numFmtId="0" fontId="1" fillId="2" borderId="37" xfId="0" applyFont="1" applyFill="1" applyBorder="1" applyAlignment="1">
      <alignment vertical="center"/>
    </xf>
    <xf numFmtId="0" fontId="1" fillId="2" borderId="0" xfId="0" applyFont="1" applyFill="1"/>
    <xf numFmtId="0" fontId="1" fillId="2" borderId="0" xfId="0" applyFont="1" applyFill="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8BD03F-A5C7-4B48-8B3A-566EC902A072}">
  <sheetPr>
    <pageSetUpPr fitToPage="1"/>
  </sheetPr>
  <dimension ref="A1:AF105"/>
  <sheetViews>
    <sheetView tabSelected="1" view="pageBreakPreview" topLeftCell="B1" zoomScale="70" zoomScaleNormal="100" zoomScaleSheetLayoutView="70" workbookViewId="0">
      <selection activeCell="G17" sqref="G17"/>
    </sheetView>
  </sheetViews>
  <sheetFormatPr defaultColWidth="9" defaultRowHeight="20.25" customHeight="1"/>
  <cols>
    <col min="1" max="2" width="4.26953125" style="1" customWidth="1"/>
    <col min="3" max="3" width="25" style="2" customWidth="1"/>
    <col min="4" max="4" width="4.90625" style="2" customWidth="1"/>
    <col min="5" max="5" width="41.6328125" style="2" customWidth="1"/>
    <col min="6" max="6" width="4.90625" style="2" customWidth="1"/>
    <col min="7" max="7" width="19.6328125" style="2" customWidth="1"/>
    <col min="8" max="8" width="38.90625" style="2" customWidth="1"/>
    <col min="9" max="21" width="4.90625" style="2" customWidth="1"/>
    <col min="22" max="22" width="7.7265625" style="2" customWidth="1"/>
    <col min="23" max="32" width="4.90625" style="2" customWidth="1"/>
    <col min="33" max="256" width="9" style="2"/>
    <col min="257" max="258" width="4.26953125" style="2" customWidth="1"/>
    <col min="259" max="259" width="25" style="2" customWidth="1"/>
    <col min="260" max="260" width="4.90625" style="2" customWidth="1"/>
    <col min="261" max="261" width="41.6328125" style="2" customWidth="1"/>
    <col min="262" max="262" width="4.90625" style="2" customWidth="1"/>
    <col min="263" max="263" width="19.6328125" style="2" customWidth="1"/>
    <col min="264" max="264" width="38.90625" style="2" customWidth="1"/>
    <col min="265" max="277" width="4.90625" style="2" customWidth="1"/>
    <col min="278" max="278" width="7.7265625" style="2" customWidth="1"/>
    <col min="279" max="288" width="4.90625" style="2" customWidth="1"/>
    <col min="289" max="512" width="9" style="2"/>
    <col min="513" max="514" width="4.26953125" style="2" customWidth="1"/>
    <col min="515" max="515" width="25" style="2" customWidth="1"/>
    <col min="516" max="516" width="4.90625" style="2" customWidth="1"/>
    <col min="517" max="517" width="41.6328125" style="2" customWidth="1"/>
    <col min="518" max="518" width="4.90625" style="2" customWidth="1"/>
    <col min="519" max="519" width="19.6328125" style="2" customWidth="1"/>
    <col min="520" max="520" width="38.90625" style="2" customWidth="1"/>
    <col min="521" max="533" width="4.90625" style="2" customWidth="1"/>
    <col min="534" max="534" width="7.7265625" style="2" customWidth="1"/>
    <col min="535" max="544" width="4.90625" style="2" customWidth="1"/>
    <col min="545" max="768" width="9" style="2"/>
    <col min="769" max="770" width="4.26953125" style="2" customWidth="1"/>
    <col min="771" max="771" width="25" style="2" customWidth="1"/>
    <col min="772" max="772" width="4.90625" style="2" customWidth="1"/>
    <col min="773" max="773" width="41.6328125" style="2" customWidth="1"/>
    <col min="774" max="774" width="4.90625" style="2" customWidth="1"/>
    <col min="775" max="775" width="19.6328125" style="2" customWidth="1"/>
    <col min="776" max="776" width="38.90625" style="2" customWidth="1"/>
    <col min="777" max="789" width="4.90625" style="2" customWidth="1"/>
    <col min="790" max="790" width="7.7265625" style="2" customWidth="1"/>
    <col min="791" max="800" width="4.90625" style="2" customWidth="1"/>
    <col min="801" max="1024" width="9" style="2"/>
    <col min="1025" max="1026" width="4.26953125" style="2" customWidth="1"/>
    <col min="1027" max="1027" width="25" style="2" customWidth="1"/>
    <col min="1028" max="1028" width="4.90625" style="2" customWidth="1"/>
    <col min="1029" max="1029" width="41.6328125" style="2" customWidth="1"/>
    <col min="1030" max="1030" width="4.90625" style="2" customWidth="1"/>
    <col min="1031" max="1031" width="19.6328125" style="2" customWidth="1"/>
    <col min="1032" max="1032" width="38.90625" style="2" customWidth="1"/>
    <col min="1033" max="1045" width="4.90625" style="2" customWidth="1"/>
    <col min="1046" max="1046" width="7.7265625" style="2" customWidth="1"/>
    <col min="1047" max="1056" width="4.90625" style="2" customWidth="1"/>
    <col min="1057" max="1280" width="9" style="2"/>
    <col min="1281" max="1282" width="4.26953125" style="2" customWidth="1"/>
    <col min="1283" max="1283" width="25" style="2" customWidth="1"/>
    <col min="1284" max="1284" width="4.90625" style="2" customWidth="1"/>
    <col min="1285" max="1285" width="41.6328125" style="2" customWidth="1"/>
    <col min="1286" max="1286" width="4.90625" style="2" customWidth="1"/>
    <col min="1287" max="1287" width="19.6328125" style="2" customWidth="1"/>
    <col min="1288" max="1288" width="38.90625" style="2" customWidth="1"/>
    <col min="1289" max="1301" width="4.90625" style="2" customWidth="1"/>
    <col min="1302" max="1302" width="7.7265625" style="2" customWidth="1"/>
    <col min="1303" max="1312" width="4.90625" style="2" customWidth="1"/>
    <col min="1313" max="1536" width="9" style="2"/>
    <col min="1537" max="1538" width="4.26953125" style="2" customWidth="1"/>
    <col min="1539" max="1539" width="25" style="2" customWidth="1"/>
    <col min="1540" max="1540" width="4.90625" style="2" customWidth="1"/>
    <col min="1541" max="1541" width="41.6328125" style="2" customWidth="1"/>
    <col min="1542" max="1542" width="4.90625" style="2" customWidth="1"/>
    <col min="1543" max="1543" width="19.6328125" style="2" customWidth="1"/>
    <col min="1544" max="1544" width="38.90625" style="2" customWidth="1"/>
    <col min="1545" max="1557" width="4.90625" style="2" customWidth="1"/>
    <col min="1558" max="1558" width="7.7265625" style="2" customWidth="1"/>
    <col min="1559" max="1568" width="4.90625" style="2" customWidth="1"/>
    <col min="1569" max="1792" width="9" style="2"/>
    <col min="1793" max="1794" width="4.26953125" style="2" customWidth="1"/>
    <col min="1795" max="1795" width="25" style="2" customWidth="1"/>
    <col min="1796" max="1796" width="4.90625" style="2" customWidth="1"/>
    <col min="1797" max="1797" width="41.6328125" style="2" customWidth="1"/>
    <col min="1798" max="1798" width="4.90625" style="2" customWidth="1"/>
    <col min="1799" max="1799" width="19.6328125" style="2" customWidth="1"/>
    <col min="1800" max="1800" width="38.90625" style="2" customWidth="1"/>
    <col min="1801" max="1813" width="4.90625" style="2" customWidth="1"/>
    <col min="1814" max="1814" width="7.7265625" style="2" customWidth="1"/>
    <col min="1815" max="1824" width="4.90625" style="2" customWidth="1"/>
    <col min="1825" max="2048" width="9" style="2"/>
    <col min="2049" max="2050" width="4.26953125" style="2" customWidth="1"/>
    <col min="2051" max="2051" width="25" style="2" customWidth="1"/>
    <col min="2052" max="2052" width="4.90625" style="2" customWidth="1"/>
    <col min="2053" max="2053" width="41.6328125" style="2" customWidth="1"/>
    <col min="2054" max="2054" width="4.90625" style="2" customWidth="1"/>
    <col min="2055" max="2055" width="19.6328125" style="2" customWidth="1"/>
    <col min="2056" max="2056" width="38.90625" style="2" customWidth="1"/>
    <col min="2057" max="2069" width="4.90625" style="2" customWidth="1"/>
    <col min="2070" max="2070" width="7.7265625" style="2" customWidth="1"/>
    <col min="2071" max="2080" width="4.90625" style="2" customWidth="1"/>
    <col min="2081" max="2304" width="9" style="2"/>
    <col min="2305" max="2306" width="4.26953125" style="2" customWidth="1"/>
    <col min="2307" max="2307" width="25" style="2" customWidth="1"/>
    <col min="2308" max="2308" width="4.90625" style="2" customWidth="1"/>
    <col min="2309" max="2309" width="41.6328125" style="2" customWidth="1"/>
    <col min="2310" max="2310" width="4.90625" style="2" customWidth="1"/>
    <col min="2311" max="2311" width="19.6328125" style="2" customWidth="1"/>
    <col min="2312" max="2312" width="38.90625" style="2" customWidth="1"/>
    <col min="2313" max="2325" width="4.90625" style="2" customWidth="1"/>
    <col min="2326" max="2326" width="7.7265625" style="2" customWidth="1"/>
    <col min="2327" max="2336" width="4.90625" style="2" customWidth="1"/>
    <col min="2337" max="2560" width="9" style="2"/>
    <col min="2561" max="2562" width="4.26953125" style="2" customWidth="1"/>
    <col min="2563" max="2563" width="25" style="2" customWidth="1"/>
    <col min="2564" max="2564" width="4.90625" style="2" customWidth="1"/>
    <col min="2565" max="2565" width="41.6328125" style="2" customWidth="1"/>
    <col min="2566" max="2566" width="4.90625" style="2" customWidth="1"/>
    <col min="2567" max="2567" width="19.6328125" style="2" customWidth="1"/>
    <col min="2568" max="2568" width="38.90625" style="2" customWidth="1"/>
    <col min="2569" max="2581" width="4.90625" style="2" customWidth="1"/>
    <col min="2582" max="2582" width="7.7265625" style="2" customWidth="1"/>
    <col min="2583" max="2592" width="4.90625" style="2" customWidth="1"/>
    <col min="2593" max="2816" width="9" style="2"/>
    <col min="2817" max="2818" width="4.26953125" style="2" customWidth="1"/>
    <col min="2819" max="2819" width="25" style="2" customWidth="1"/>
    <col min="2820" max="2820" width="4.90625" style="2" customWidth="1"/>
    <col min="2821" max="2821" width="41.6328125" style="2" customWidth="1"/>
    <col min="2822" max="2822" width="4.90625" style="2" customWidth="1"/>
    <col min="2823" max="2823" width="19.6328125" style="2" customWidth="1"/>
    <col min="2824" max="2824" width="38.90625" style="2" customWidth="1"/>
    <col min="2825" max="2837" width="4.90625" style="2" customWidth="1"/>
    <col min="2838" max="2838" width="7.7265625" style="2" customWidth="1"/>
    <col min="2839" max="2848" width="4.90625" style="2" customWidth="1"/>
    <col min="2849" max="3072" width="9" style="2"/>
    <col min="3073" max="3074" width="4.26953125" style="2" customWidth="1"/>
    <col min="3075" max="3075" width="25" style="2" customWidth="1"/>
    <col min="3076" max="3076" width="4.90625" style="2" customWidth="1"/>
    <col min="3077" max="3077" width="41.6328125" style="2" customWidth="1"/>
    <col min="3078" max="3078" width="4.90625" style="2" customWidth="1"/>
    <col min="3079" max="3079" width="19.6328125" style="2" customWidth="1"/>
    <col min="3080" max="3080" width="38.90625" style="2" customWidth="1"/>
    <col min="3081" max="3093" width="4.90625" style="2" customWidth="1"/>
    <col min="3094" max="3094" width="7.7265625" style="2" customWidth="1"/>
    <col min="3095" max="3104" width="4.90625" style="2" customWidth="1"/>
    <col min="3105" max="3328" width="9" style="2"/>
    <col min="3329" max="3330" width="4.26953125" style="2" customWidth="1"/>
    <col min="3331" max="3331" width="25" style="2" customWidth="1"/>
    <col min="3332" max="3332" width="4.90625" style="2" customWidth="1"/>
    <col min="3333" max="3333" width="41.6328125" style="2" customWidth="1"/>
    <col min="3334" max="3334" width="4.90625" style="2" customWidth="1"/>
    <col min="3335" max="3335" width="19.6328125" style="2" customWidth="1"/>
    <col min="3336" max="3336" width="38.90625" style="2" customWidth="1"/>
    <col min="3337" max="3349" width="4.90625" style="2" customWidth="1"/>
    <col min="3350" max="3350" width="7.7265625" style="2" customWidth="1"/>
    <col min="3351" max="3360" width="4.90625" style="2" customWidth="1"/>
    <col min="3361" max="3584" width="9" style="2"/>
    <col min="3585" max="3586" width="4.26953125" style="2" customWidth="1"/>
    <col min="3587" max="3587" width="25" style="2" customWidth="1"/>
    <col min="3588" max="3588" width="4.90625" style="2" customWidth="1"/>
    <col min="3589" max="3589" width="41.6328125" style="2" customWidth="1"/>
    <col min="3590" max="3590" width="4.90625" style="2" customWidth="1"/>
    <col min="3591" max="3591" width="19.6328125" style="2" customWidth="1"/>
    <col min="3592" max="3592" width="38.90625" style="2" customWidth="1"/>
    <col min="3593" max="3605" width="4.90625" style="2" customWidth="1"/>
    <col min="3606" max="3606" width="7.7265625" style="2" customWidth="1"/>
    <col min="3607" max="3616" width="4.90625" style="2" customWidth="1"/>
    <col min="3617" max="3840" width="9" style="2"/>
    <col min="3841" max="3842" width="4.26953125" style="2" customWidth="1"/>
    <col min="3843" max="3843" width="25" style="2" customWidth="1"/>
    <col min="3844" max="3844" width="4.90625" style="2" customWidth="1"/>
    <col min="3845" max="3845" width="41.6328125" style="2" customWidth="1"/>
    <col min="3846" max="3846" width="4.90625" style="2" customWidth="1"/>
    <col min="3847" max="3847" width="19.6328125" style="2" customWidth="1"/>
    <col min="3848" max="3848" width="38.90625" style="2" customWidth="1"/>
    <col min="3849" max="3861" width="4.90625" style="2" customWidth="1"/>
    <col min="3862" max="3862" width="7.7265625" style="2" customWidth="1"/>
    <col min="3863" max="3872" width="4.90625" style="2" customWidth="1"/>
    <col min="3873" max="4096" width="9" style="2"/>
    <col min="4097" max="4098" width="4.26953125" style="2" customWidth="1"/>
    <col min="4099" max="4099" width="25" style="2" customWidth="1"/>
    <col min="4100" max="4100" width="4.90625" style="2" customWidth="1"/>
    <col min="4101" max="4101" width="41.6328125" style="2" customWidth="1"/>
    <col min="4102" max="4102" width="4.90625" style="2" customWidth="1"/>
    <col min="4103" max="4103" width="19.6328125" style="2" customWidth="1"/>
    <col min="4104" max="4104" width="38.90625" style="2" customWidth="1"/>
    <col min="4105" max="4117" width="4.90625" style="2" customWidth="1"/>
    <col min="4118" max="4118" width="7.7265625" style="2" customWidth="1"/>
    <col min="4119" max="4128" width="4.90625" style="2" customWidth="1"/>
    <col min="4129" max="4352" width="9" style="2"/>
    <col min="4353" max="4354" width="4.26953125" style="2" customWidth="1"/>
    <col min="4355" max="4355" width="25" style="2" customWidth="1"/>
    <col min="4356" max="4356" width="4.90625" style="2" customWidth="1"/>
    <col min="4357" max="4357" width="41.6328125" style="2" customWidth="1"/>
    <col min="4358" max="4358" width="4.90625" style="2" customWidth="1"/>
    <col min="4359" max="4359" width="19.6328125" style="2" customWidth="1"/>
    <col min="4360" max="4360" width="38.90625" style="2" customWidth="1"/>
    <col min="4361" max="4373" width="4.90625" style="2" customWidth="1"/>
    <col min="4374" max="4374" width="7.7265625" style="2" customWidth="1"/>
    <col min="4375" max="4384" width="4.90625" style="2" customWidth="1"/>
    <col min="4385" max="4608" width="9" style="2"/>
    <col min="4609" max="4610" width="4.26953125" style="2" customWidth="1"/>
    <col min="4611" max="4611" width="25" style="2" customWidth="1"/>
    <col min="4612" max="4612" width="4.90625" style="2" customWidth="1"/>
    <col min="4613" max="4613" width="41.6328125" style="2" customWidth="1"/>
    <col min="4614" max="4614" width="4.90625" style="2" customWidth="1"/>
    <col min="4615" max="4615" width="19.6328125" style="2" customWidth="1"/>
    <col min="4616" max="4616" width="38.90625" style="2" customWidth="1"/>
    <col min="4617" max="4629" width="4.90625" style="2" customWidth="1"/>
    <col min="4630" max="4630" width="7.7265625" style="2" customWidth="1"/>
    <col min="4631" max="4640" width="4.90625" style="2" customWidth="1"/>
    <col min="4641" max="4864" width="9" style="2"/>
    <col min="4865" max="4866" width="4.26953125" style="2" customWidth="1"/>
    <col min="4867" max="4867" width="25" style="2" customWidth="1"/>
    <col min="4868" max="4868" width="4.90625" style="2" customWidth="1"/>
    <col min="4869" max="4869" width="41.6328125" style="2" customWidth="1"/>
    <col min="4870" max="4870" width="4.90625" style="2" customWidth="1"/>
    <col min="4871" max="4871" width="19.6328125" style="2" customWidth="1"/>
    <col min="4872" max="4872" width="38.90625" style="2" customWidth="1"/>
    <col min="4873" max="4885" width="4.90625" style="2" customWidth="1"/>
    <col min="4886" max="4886" width="7.7265625" style="2" customWidth="1"/>
    <col min="4887" max="4896" width="4.90625" style="2" customWidth="1"/>
    <col min="4897" max="5120" width="9" style="2"/>
    <col min="5121" max="5122" width="4.26953125" style="2" customWidth="1"/>
    <col min="5123" max="5123" width="25" style="2" customWidth="1"/>
    <col min="5124" max="5124" width="4.90625" style="2" customWidth="1"/>
    <col min="5125" max="5125" width="41.6328125" style="2" customWidth="1"/>
    <col min="5126" max="5126" width="4.90625" style="2" customWidth="1"/>
    <col min="5127" max="5127" width="19.6328125" style="2" customWidth="1"/>
    <col min="5128" max="5128" width="38.90625" style="2" customWidth="1"/>
    <col min="5129" max="5141" width="4.90625" style="2" customWidth="1"/>
    <col min="5142" max="5142" width="7.7265625" style="2" customWidth="1"/>
    <col min="5143" max="5152" width="4.90625" style="2" customWidth="1"/>
    <col min="5153" max="5376" width="9" style="2"/>
    <col min="5377" max="5378" width="4.26953125" style="2" customWidth="1"/>
    <col min="5379" max="5379" width="25" style="2" customWidth="1"/>
    <col min="5380" max="5380" width="4.90625" style="2" customWidth="1"/>
    <col min="5381" max="5381" width="41.6328125" style="2" customWidth="1"/>
    <col min="5382" max="5382" width="4.90625" style="2" customWidth="1"/>
    <col min="5383" max="5383" width="19.6328125" style="2" customWidth="1"/>
    <col min="5384" max="5384" width="38.90625" style="2" customWidth="1"/>
    <col min="5385" max="5397" width="4.90625" style="2" customWidth="1"/>
    <col min="5398" max="5398" width="7.7265625" style="2" customWidth="1"/>
    <col min="5399" max="5408" width="4.90625" style="2" customWidth="1"/>
    <col min="5409" max="5632" width="9" style="2"/>
    <col min="5633" max="5634" width="4.26953125" style="2" customWidth="1"/>
    <col min="5635" max="5635" width="25" style="2" customWidth="1"/>
    <col min="5636" max="5636" width="4.90625" style="2" customWidth="1"/>
    <col min="5637" max="5637" width="41.6328125" style="2" customWidth="1"/>
    <col min="5638" max="5638" width="4.90625" style="2" customWidth="1"/>
    <col min="5639" max="5639" width="19.6328125" style="2" customWidth="1"/>
    <col min="5640" max="5640" width="38.90625" style="2" customWidth="1"/>
    <col min="5641" max="5653" width="4.90625" style="2" customWidth="1"/>
    <col min="5654" max="5654" width="7.7265625" style="2" customWidth="1"/>
    <col min="5655" max="5664" width="4.90625" style="2" customWidth="1"/>
    <col min="5665" max="5888" width="9" style="2"/>
    <col min="5889" max="5890" width="4.26953125" style="2" customWidth="1"/>
    <col min="5891" max="5891" width="25" style="2" customWidth="1"/>
    <col min="5892" max="5892" width="4.90625" style="2" customWidth="1"/>
    <col min="5893" max="5893" width="41.6328125" style="2" customWidth="1"/>
    <col min="5894" max="5894" width="4.90625" style="2" customWidth="1"/>
    <col min="5895" max="5895" width="19.6328125" style="2" customWidth="1"/>
    <col min="5896" max="5896" width="38.90625" style="2" customWidth="1"/>
    <col min="5897" max="5909" width="4.90625" style="2" customWidth="1"/>
    <col min="5910" max="5910" width="7.7265625" style="2" customWidth="1"/>
    <col min="5911" max="5920" width="4.90625" style="2" customWidth="1"/>
    <col min="5921" max="6144" width="9" style="2"/>
    <col min="6145" max="6146" width="4.26953125" style="2" customWidth="1"/>
    <col min="6147" max="6147" width="25" style="2" customWidth="1"/>
    <col min="6148" max="6148" width="4.90625" style="2" customWidth="1"/>
    <col min="6149" max="6149" width="41.6328125" style="2" customWidth="1"/>
    <col min="6150" max="6150" width="4.90625" style="2" customWidth="1"/>
    <col min="6151" max="6151" width="19.6328125" style="2" customWidth="1"/>
    <col min="6152" max="6152" width="38.90625" style="2" customWidth="1"/>
    <col min="6153" max="6165" width="4.90625" style="2" customWidth="1"/>
    <col min="6166" max="6166" width="7.7265625" style="2" customWidth="1"/>
    <col min="6167" max="6176" width="4.90625" style="2" customWidth="1"/>
    <col min="6177" max="6400" width="9" style="2"/>
    <col min="6401" max="6402" width="4.26953125" style="2" customWidth="1"/>
    <col min="6403" max="6403" width="25" style="2" customWidth="1"/>
    <col min="6404" max="6404" width="4.90625" style="2" customWidth="1"/>
    <col min="6405" max="6405" width="41.6328125" style="2" customWidth="1"/>
    <col min="6406" max="6406" width="4.90625" style="2" customWidth="1"/>
    <col min="6407" max="6407" width="19.6328125" style="2" customWidth="1"/>
    <col min="6408" max="6408" width="38.90625" style="2" customWidth="1"/>
    <col min="6409" max="6421" width="4.90625" style="2" customWidth="1"/>
    <col min="6422" max="6422" width="7.7265625" style="2" customWidth="1"/>
    <col min="6423" max="6432" width="4.90625" style="2" customWidth="1"/>
    <col min="6433" max="6656" width="9" style="2"/>
    <col min="6657" max="6658" width="4.26953125" style="2" customWidth="1"/>
    <col min="6659" max="6659" width="25" style="2" customWidth="1"/>
    <col min="6660" max="6660" width="4.90625" style="2" customWidth="1"/>
    <col min="6661" max="6661" width="41.6328125" style="2" customWidth="1"/>
    <col min="6662" max="6662" width="4.90625" style="2" customWidth="1"/>
    <col min="6663" max="6663" width="19.6328125" style="2" customWidth="1"/>
    <col min="6664" max="6664" width="38.90625" style="2" customWidth="1"/>
    <col min="6665" max="6677" width="4.90625" style="2" customWidth="1"/>
    <col min="6678" max="6678" width="7.7265625" style="2" customWidth="1"/>
    <col min="6679" max="6688" width="4.90625" style="2" customWidth="1"/>
    <col min="6689" max="6912" width="9" style="2"/>
    <col min="6913" max="6914" width="4.26953125" style="2" customWidth="1"/>
    <col min="6915" max="6915" width="25" style="2" customWidth="1"/>
    <col min="6916" max="6916" width="4.90625" style="2" customWidth="1"/>
    <col min="6917" max="6917" width="41.6328125" style="2" customWidth="1"/>
    <col min="6918" max="6918" width="4.90625" style="2" customWidth="1"/>
    <col min="6919" max="6919" width="19.6328125" style="2" customWidth="1"/>
    <col min="6920" max="6920" width="38.90625" style="2" customWidth="1"/>
    <col min="6921" max="6933" width="4.90625" style="2" customWidth="1"/>
    <col min="6934" max="6934" width="7.7265625" style="2" customWidth="1"/>
    <col min="6935" max="6944" width="4.90625" style="2" customWidth="1"/>
    <col min="6945" max="7168" width="9" style="2"/>
    <col min="7169" max="7170" width="4.26953125" style="2" customWidth="1"/>
    <col min="7171" max="7171" width="25" style="2" customWidth="1"/>
    <col min="7172" max="7172" width="4.90625" style="2" customWidth="1"/>
    <col min="7173" max="7173" width="41.6328125" style="2" customWidth="1"/>
    <col min="7174" max="7174" width="4.90625" style="2" customWidth="1"/>
    <col min="7175" max="7175" width="19.6328125" style="2" customWidth="1"/>
    <col min="7176" max="7176" width="38.90625" style="2" customWidth="1"/>
    <col min="7177" max="7189" width="4.90625" style="2" customWidth="1"/>
    <col min="7190" max="7190" width="7.7265625" style="2" customWidth="1"/>
    <col min="7191" max="7200" width="4.90625" style="2" customWidth="1"/>
    <col min="7201" max="7424" width="9" style="2"/>
    <col min="7425" max="7426" width="4.26953125" style="2" customWidth="1"/>
    <col min="7427" max="7427" width="25" style="2" customWidth="1"/>
    <col min="7428" max="7428" width="4.90625" style="2" customWidth="1"/>
    <col min="7429" max="7429" width="41.6328125" style="2" customWidth="1"/>
    <col min="7430" max="7430" width="4.90625" style="2" customWidth="1"/>
    <col min="7431" max="7431" width="19.6328125" style="2" customWidth="1"/>
    <col min="7432" max="7432" width="38.90625" style="2" customWidth="1"/>
    <col min="7433" max="7445" width="4.90625" style="2" customWidth="1"/>
    <col min="7446" max="7446" width="7.7265625" style="2" customWidth="1"/>
    <col min="7447" max="7456" width="4.90625" style="2" customWidth="1"/>
    <col min="7457" max="7680" width="9" style="2"/>
    <col min="7681" max="7682" width="4.26953125" style="2" customWidth="1"/>
    <col min="7683" max="7683" width="25" style="2" customWidth="1"/>
    <col min="7684" max="7684" width="4.90625" style="2" customWidth="1"/>
    <col min="7685" max="7685" width="41.6328125" style="2" customWidth="1"/>
    <col min="7686" max="7686" width="4.90625" style="2" customWidth="1"/>
    <col min="7687" max="7687" width="19.6328125" style="2" customWidth="1"/>
    <col min="7688" max="7688" width="38.90625" style="2" customWidth="1"/>
    <col min="7689" max="7701" width="4.90625" style="2" customWidth="1"/>
    <col min="7702" max="7702" width="7.7265625" style="2" customWidth="1"/>
    <col min="7703" max="7712" width="4.90625" style="2" customWidth="1"/>
    <col min="7713" max="7936" width="9" style="2"/>
    <col min="7937" max="7938" width="4.26953125" style="2" customWidth="1"/>
    <col min="7939" max="7939" width="25" style="2" customWidth="1"/>
    <col min="7940" max="7940" width="4.90625" style="2" customWidth="1"/>
    <col min="7941" max="7941" width="41.6328125" style="2" customWidth="1"/>
    <col min="7942" max="7942" width="4.90625" style="2" customWidth="1"/>
    <col min="7943" max="7943" width="19.6328125" style="2" customWidth="1"/>
    <col min="7944" max="7944" width="38.90625" style="2" customWidth="1"/>
    <col min="7945" max="7957" width="4.90625" style="2" customWidth="1"/>
    <col min="7958" max="7958" width="7.7265625" style="2" customWidth="1"/>
    <col min="7959" max="7968" width="4.90625" style="2" customWidth="1"/>
    <col min="7969" max="8192" width="9" style="2"/>
    <col min="8193" max="8194" width="4.26953125" style="2" customWidth="1"/>
    <col min="8195" max="8195" width="25" style="2" customWidth="1"/>
    <col min="8196" max="8196" width="4.90625" style="2" customWidth="1"/>
    <col min="8197" max="8197" width="41.6328125" style="2" customWidth="1"/>
    <col min="8198" max="8198" width="4.90625" style="2" customWidth="1"/>
    <col min="8199" max="8199" width="19.6328125" style="2" customWidth="1"/>
    <col min="8200" max="8200" width="38.90625" style="2" customWidth="1"/>
    <col min="8201" max="8213" width="4.90625" style="2" customWidth="1"/>
    <col min="8214" max="8214" width="7.7265625" style="2" customWidth="1"/>
    <col min="8215" max="8224" width="4.90625" style="2" customWidth="1"/>
    <col min="8225" max="8448" width="9" style="2"/>
    <col min="8449" max="8450" width="4.26953125" style="2" customWidth="1"/>
    <col min="8451" max="8451" width="25" style="2" customWidth="1"/>
    <col min="8452" max="8452" width="4.90625" style="2" customWidth="1"/>
    <col min="8453" max="8453" width="41.6328125" style="2" customWidth="1"/>
    <col min="8454" max="8454" width="4.90625" style="2" customWidth="1"/>
    <col min="8455" max="8455" width="19.6328125" style="2" customWidth="1"/>
    <col min="8456" max="8456" width="38.90625" style="2" customWidth="1"/>
    <col min="8457" max="8469" width="4.90625" style="2" customWidth="1"/>
    <col min="8470" max="8470" width="7.7265625" style="2" customWidth="1"/>
    <col min="8471" max="8480" width="4.90625" style="2" customWidth="1"/>
    <col min="8481" max="8704" width="9" style="2"/>
    <col min="8705" max="8706" width="4.26953125" style="2" customWidth="1"/>
    <col min="8707" max="8707" width="25" style="2" customWidth="1"/>
    <col min="8708" max="8708" width="4.90625" style="2" customWidth="1"/>
    <col min="8709" max="8709" width="41.6328125" style="2" customWidth="1"/>
    <col min="8710" max="8710" width="4.90625" style="2" customWidth="1"/>
    <col min="8711" max="8711" width="19.6328125" style="2" customWidth="1"/>
    <col min="8712" max="8712" width="38.90625" style="2" customWidth="1"/>
    <col min="8713" max="8725" width="4.90625" style="2" customWidth="1"/>
    <col min="8726" max="8726" width="7.7265625" style="2" customWidth="1"/>
    <col min="8727" max="8736" width="4.90625" style="2" customWidth="1"/>
    <col min="8737" max="8960" width="9" style="2"/>
    <col min="8961" max="8962" width="4.26953125" style="2" customWidth="1"/>
    <col min="8963" max="8963" width="25" style="2" customWidth="1"/>
    <col min="8964" max="8964" width="4.90625" style="2" customWidth="1"/>
    <col min="8965" max="8965" width="41.6328125" style="2" customWidth="1"/>
    <col min="8966" max="8966" width="4.90625" style="2" customWidth="1"/>
    <col min="8967" max="8967" width="19.6328125" style="2" customWidth="1"/>
    <col min="8968" max="8968" width="38.90625" style="2" customWidth="1"/>
    <col min="8969" max="8981" width="4.90625" style="2" customWidth="1"/>
    <col min="8982" max="8982" width="7.7265625" style="2" customWidth="1"/>
    <col min="8983" max="8992" width="4.90625" style="2" customWidth="1"/>
    <col min="8993" max="9216" width="9" style="2"/>
    <col min="9217" max="9218" width="4.26953125" style="2" customWidth="1"/>
    <col min="9219" max="9219" width="25" style="2" customWidth="1"/>
    <col min="9220" max="9220" width="4.90625" style="2" customWidth="1"/>
    <col min="9221" max="9221" width="41.6328125" style="2" customWidth="1"/>
    <col min="9222" max="9222" width="4.90625" style="2" customWidth="1"/>
    <col min="9223" max="9223" width="19.6328125" style="2" customWidth="1"/>
    <col min="9224" max="9224" width="38.90625" style="2" customWidth="1"/>
    <col min="9225" max="9237" width="4.90625" style="2" customWidth="1"/>
    <col min="9238" max="9238" width="7.7265625" style="2" customWidth="1"/>
    <col min="9239" max="9248" width="4.90625" style="2" customWidth="1"/>
    <col min="9249" max="9472" width="9" style="2"/>
    <col min="9473" max="9474" width="4.26953125" style="2" customWidth="1"/>
    <col min="9475" max="9475" width="25" style="2" customWidth="1"/>
    <col min="9476" max="9476" width="4.90625" style="2" customWidth="1"/>
    <col min="9477" max="9477" width="41.6328125" style="2" customWidth="1"/>
    <col min="9478" max="9478" width="4.90625" style="2" customWidth="1"/>
    <col min="9479" max="9479" width="19.6328125" style="2" customWidth="1"/>
    <col min="9480" max="9480" width="38.90625" style="2" customWidth="1"/>
    <col min="9481" max="9493" width="4.90625" style="2" customWidth="1"/>
    <col min="9494" max="9494" width="7.7265625" style="2" customWidth="1"/>
    <col min="9495" max="9504" width="4.90625" style="2" customWidth="1"/>
    <col min="9505" max="9728" width="9" style="2"/>
    <col min="9729" max="9730" width="4.26953125" style="2" customWidth="1"/>
    <col min="9731" max="9731" width="25" style="2" customWidth="1"/>
    <col min="9732" max="9732" width="4.90625" style="2" customWidth="1"/>
    <col min="9733" max="9733" width="41.6328125" style="2" customWidth="1"/>
    <col min="9734" max="9734" width="4.90625" style="2" customWidth="1"/>
    <col min="9735" max="9735" width="19.6328125" style="2" customWidth="1"/>
    <col min="9736" max="9736" width="38.90625" style="2" customWidth="1"/>
    <col min="9737" max="9749" width="4.90625" style="2" customWidth="1"/>
    <col min="9750" max="9750" width="7.7265625" style="2" customWidth="1"/>
    <col min="9751" max="9760" width="4.90625" style="2" customWidth="1"/>
    <col min="9761" max="9984" width="9" style="2"/>
    <col min="9985" max="9986" width="4.26953125" style="2" customWidth="1"/>
    <col min="9987" max="9987" width="25" style="2" customWidth="1"/>
    <col min="9988" max="9988" width="4.90625" style="2" customWidth="1"/>
    <col min="9989" max="9989" width="41.6328125" style="2" customWidth="1"/>
    <col min="9990" max="9990" width="4.90625" style="2" customWidth="1"/>
    <col min="9991" max="9991" width="19.6328125" style="2" customWidth="1"/>
    <col min="9992" max="9992" width="38.90625" style="2" customWidth="1"/>
    <col min="9993" max="10005" width="4.90625" style="2" customWidth="1"/>
    <col min="10006" max="10006" width="7.7265625" style="2" customWidth="1"/>
    <col min="10007" max="10016" width="4.90625" style="2" customWidth="1"/>
    <col min="10017" max="10240" width="9" style="2"/>
    <col min="10241" max="10242" width="4.26953125" style="2" customWidth="1"/>
    <col min="10243" max="10243" width="25" style="2" customWidth="1"/>
    <col min="10244" max="10244" width="4.90625" style="2" customWidth="1"/>
    <col min="10245" max="10245" width="41.6328125" style="2" customWidth="1"/>
    <col min="10246" max="10246" width="4.90625" style="2" customWidth="1"/>
    <col min="10247" max="10247" width="19.6328125" style="2" customWidth="1"/>
    <col min="10248" max="10248" width="38.90625" style="2" customWidth="1"/>
    <col min="10249" max="10261" width="4.90625" style="2" customWidth="1"/>
    <col min="10262" max="10262" width="7.7265625" style="2" customWidth="1"/>
    <col min="10263" max="10272" width="4.90625" style="2" customWidth="1"/>
    <col min="10273" max="10496" width="9" style="2"/>
    <col min="10497" max="10498" width="4.26953125" style="2" customWidth="1"/>
    <col min="10499" max="10499" width="25" style="2" customWidth="1"/>
    <col min="10500" max="10500" width="4.90625" style="2" customWidth="1"/>
    <col min="10501" max="10501" width="41.6328125" style="2" customWidth="1"/>
    <col min="10502" max="10502" width="4.90625" style="2" customWidth="1"/>
    <col min="10503" max="10503" width="19.6328125" style="2" customWidth="1"/>
    <col min="10504" max="10504" width="38.90625" style="2" customWidth="1"/>
    <col min="10505" max="10517" width="4.90625" style="2" customWidth="1"/>
    <col min="10518" max="10518" width="7.7265625" style="2" customWidth="1"/>
    <col min="10519" max="10528" width="4.90625" style="2" customWidth="1"/>
    <col min="10529" max="10752" width="9" style="2"/>
    <col min="10753" max="10754" width="4.26953125" style="2" customWidth="1"/>
    <col min="10755" max="10755" width="25" style="2" customWidth="1"/>
    <col min="10756" max="10756" width="4.90625" style="2" customWidth="1"/>
    <col min="10757" max="10757" width="41.6328125" style="2" customWidth="1"/>
    <col min="10758" max="10758" width="4.90625" style="2" customWidth="1"/>
    <col min="10759" max="10759" width="19.6328125" style="2" customWidth="1"/>
    <col min="10760" max="10760" width="38.90625" style="2" customWidth="1"/>
    <col min="10761" max="10773" width="4.90625" style="2" customWidth="1"/>
    <col min="10774" max="10774" width="7.7265625" style="2" customWidth="1"/>
    <col min="10775" max="10784" width="4.90625" style="2" customWidth="1"/>
    <col min="10785" max="11008" width="9" style="2"/>
    <col min="11009" max="11010" width="4.26953125" style="2" customWidth="1"/>
    <col min="11011" max="11011" width="25" style="2" customWidth="1"/>
    <col min="11012" max="11012" width="4.90625" style="2" customWidth="1"/>
    <col min="11013" max="11013" width="41.6328125" style="2" customWidth="1"/>
    <col min="11014" max="11014" width="4.90625" style="2" customWidth="1"/>
    <col min="11015" max="11015" width="19.6328125" style="2" customWidth="1"/>
    <col min="11016" max="11016" width="38.90625" style="2" customWidth="1"/>
    <col min="11017" max="11029" width="4.90625" style="2" customWidth="1"/>
    <col min="11030" max="11030" width="7.7265625" style="2" customWidth="1"/>
    <col min="11031" max="11040" width="4.90625" style="2" customWidth="1"/>
    <col min="11041" max="11264" width="9" style="2"/>
    <col min="11265" max="11266" width="4.26953125" style="2" customWidth="1"/>
    <col min="11267" max="11267" width="25" style="2" customWidth="1"/>
    <col min="11268" max="11268" width="4.90625" style="2" customWidth="1"/>
    <col min="11269" max="11269" width="41.6328125" style="2" customWidth="1"/>
    <col min="11270" max="11270" width="4.90625" style="2" customWidth="1"/>
    <col min="11271" max="11271" width="19.6328125" style="2" customWidth="1"/>
    <col min="11272" max="11272" width="38.90625" style="2" customWidth="1"/>
    <col min="11273" max="11285" width="4.90625" style="2" customWidth="1"/>
    <col min="11286" max="11286" width="7.7265625" style="2" customWidth="1"/>
    <col min="11287" max="11296" width="4.90625" style="2" customWidth="1"/>
    <col min="11297" max="11520" width="9" style="2"/>
    <col min="11521" max="11522" width="4.26953125" style="2" customWidth="1"/>
    <col min="11523" max="11523" width="25" style="2" customWidth="1"/>
    <col min="11524" max="11524" width="4.90625" style="2" customWidth="1"/>
    <col min="11525" max="11525" width="41.6328125" style="2" customWidth="1"/>
    <col min="11526" max="11526" width="4.90625" style="2" customWidth="1"/>
    <col min="11527" max="11527" width="19.6328125" style="2" customWidth="1"/>
    <col min="11528" max="11528" width="38.90625" style="2" customWidth="1"/>
    <col min="11529" max="11541" width="4.90625" style="2" customWidth="1"/>
    <col min="11542" max="11542" width="7.7265625" style="2" customWidth="1"/>
    <col min="11543" max="11552" width="4.90625" style="2" customWidth="1"/>
    <col min="11553" max="11776" width="9" style="2"/>
    <col min="11777" max="11778" width="4.26953125" style="2" customWidth="1"/>
    <col min="11779" max="11779" width="25" style="2" customWidth="1"/>
    <col min="11780" max="11780" width="4.90625" style="2" customWidth="1"/>
    <col min="11781" max="11781" width="41.6328125" style="2" customWidth="1"/>
    <col min="11782" max="11782" width="4.90625" style="2" customWidth="1"/>
    <col min="11783" max="11783" width="19.6328125" style="2" customWidth="1"/>
    <col min="11784" max="11784" width="38.90625" style="2" customWidth="1"/>
    <col min="11785" max="11797" width="4.90625" style="2" customWidth="1"/>
    <col min="11798" max="11798" width="7.7265625" style="2" customWidth="1"/>
    <col min="11799" max="11808" width="4.90625" style="2" customWidth="1"/>
    <col min="11809" max="12032" width="9" style="2"/>
    <col min="12033" max="12034" width="4.26953125" style="2" customWidth="1"/>
    <col min="12035" max="12035" width="25" style="2" customWidth="1"/>
    <col min="12036" max="12036" width="4.90625" style="2" customWidth="1"/>
    <col min="12037" max="12037" width="41.6328125" style="2" customWidth="1"/>
    <col min="12038" max="12038" width="4.90625" style="2" customWidth="1"/>
    <col min="12039" max="12039" width="19.6328125" style="2" customWidth="1"/>
    <col min="12040" max="12040" width="38.90625" style="2" customWidth="1"/>
    <col min="12041" max="12053" width="4.90625" style="2" customWidth="1"/>
    <col min="12054" max="12054" width="7.7265625" style="2" customWidth="1"/>
    <col min="12055" max="12064" width="4.90625" style="2" customWidth="1"/>
    <col min="12065" max="12288" width="9" style="2"/>
    <col min="12289" max="12290" width="4.26953125" style="2" customWidth="1"/>
    <col min="12291" max="12291" width="25" style="2" customWidth="1"/>
    <col min="12292" max="12292" width="4.90625" style="2" customWidth="1"/>
    <col min="12293" max="12293" width="41.6328125" style="2" customWidth="1"/>
    <col min="12294" max="12294" width="4.90625" style="2" customWidth="1"/>
    <col min="12295" max="12295" width="19.6328125" style="2" customWidth="1"/>
    <col min="12296" max="12296" width="38.90625" style="2" customWidth="1"/>
    <col min="12297" max="12309" width="4.90625" style="2" customWidth="1"/>
    <col min="12310" max="12310" width="7.7265625" style="2" customWidth="1"/>
    <col min="12311" max="12320" width="4.90625" style="2" customWidth="1"/>
    <col min="12321" max="12544" width="9" style="2"/>
    <col min="12545" max="12546" width="4.26953125" style="2" customWidth="1"/>
    <col min="12547" max="12547" width="25" style="2" customWidth="1"/>
    <col min="12548" max="12548" width="4.90625" style="2" customWidth="1"/>
    <col min="12549" max="12549" width="41.6328125" style="2" customWidth="1"/>
    <col min="12550" max="12550" width="4.90625" style="2" customWidth="1"/>
    <col min="12551" max="12551" width="19.6328125" style="2" customWidth="1"/>
    <col min="12552" max="12552" width="38.90625" style="2" customWidth="1"/>
    <col min="12553" max="12565" width="4.90625" style="2" customWidth="1"/>
    <col min="12566" max="12566" width="7.7265625" style="2" customWidth="1"/>
    <col min="12567" max="12576" width="4.90625" style="2" customWidth="1"/>
    <col min="12577" max="12800" width="9" style="2"/>
    <col min="12801" max="12802" width="4.26953125" style="2" customWidth="1"/>
    <col min="12803" max="12803" width="25" style="2" customWidth="1"/>
    <col min="12804" max="12804" width="4.90625" style="2" customWidth="1"/>
    <col min="12805" max="12805" width="41.6328125" style="2" customWidth="1"/>
    <col min="12806" max="12806" width="4.90625" style="2" customWidth="1"/>
    <col min="12807" max="12807" width="19.6328125" style="2" customWidth="1"/>
    <col min="12808" max="12808" width="38.90625" style="2" customWidth="1"/>
    <col min="12809" max="12821" width="4.90625" style="2" customWidth="1"/>
    <col min="12822" max="12822" width="7.7265625" style="2" customWidth="1"/>
    <col min="12823" max="12832" width="4.90625" style="2" customWidth="1"/>
    <col min="12833" max="13056" width="9" style="2"/>
    <col min="13057" max="13058" width="4.26953125" style="2" customWidth="1"/>
    <col min="13059" max="13059" width="25" style="2" customWidth="1"/>
    <col min="13060" max="13060" width="4.90625" style="2" customWidth="1"/>
    <col min="13061" max="13061" width="41.6328125" style="2" customWidth="1"/>
    <col min="13062" max="13062" width="4.90625" style="2" customWidth="1"/>
    <col min="13063" max="13063" width="19.6328125" style="2" customWidth="1"/>
    <col min="13064" max="13064" width="38.90625" style="2" customWidth="1"/>
    <col min="13065" max="13077" width="4.90625" style="2" customWidth="1"/>
    <col min="13078" max="13078" width="7.7265625" style="2" customWidth="1"/>
    <col min="13079" max="13088" width="4.90625" style="2" customWidth="1"/>
    <col min="13089" max="13312" width="9" style="2"/>
    <col min="13313" max="13314" width="4.26953125" style="2" customWidth="1"/>
    <col min="13315" max="13315" width="25" style="2" customWidth="1"/>
    <col min="13316" max="13316" width="4.90625" style="2" customWidth="1"/>
    <col min="13317" max="13317" width="41.6328125" style="2" customWidth="1"/>
    <col min="13318" max="13318" width="4.90625" style="2" customWidth="1"/>
    <col min="13319" max="13319" width="19.6328125" style="2" customWidth="1"/>
    <col min="13320" max="13320" width="38.90625" style="2" customWidth="1"/>
    <col min="13321" max="13333" width="4.90625" style="2" customWidth="1"/>
    <col min="13334" max="13334" width="7.7265625" style="2" customWidth="1"/>
    <col min="13335" max="13344" width="4.90625" style="2" customWidth="1"/>
    <col min="13345" max="13568" width="9" style="2"/>
    <col min="13569" max="13570" width="4.26953125" style="2" customWidth="1"/>
    <col min="13571" max="13571" width="25" style="2" customWidth="1"/>
    <col min="13572" max="13572" width="4.90625" style="2" customWidth="1"/>
    <col min="13573" max="13573" width="41.6328125" style="2" customWidth="1"/>
    <col min="13574" max="13574" width="4.90625" style="2" customWidth="1"/>
    <col min="13575" max="13575" width="19.6328125" style="2" customWidth="1"/>
    <col min="13576" max="13576" width="38.90625" style="2" customWidth="1"/>
    <col min="13577" max="13589" width="4.90625" style="2" customWidth="1"/>
    <col min="13590" max="13590" width="7.7265625" style="2" customWidth="1"/>
    <col min="13591" max="13600" width="4.90625" style="2" customWidth="1"/>
    <col min="13601" max="13824" width="9" style="2"/>
    <col min="13825" max="13826" width="4.26953125" style="2" customWidth="1"/>
    <col min="13827" max="13827" width="25" style="2" customWidth="1"/>
    <col min="13828" max="13828" width="4.90625" style="2" customWidth="1"/>
    <col min="13829" max="13829" width="41.6328125" style="2" customWidth="1"/>
    <col min="13830" max="13830" width="4.90625" style="2" customWidth="1"/>
    <col min="13831" max="13831" width="19.6328125" style="2" customWidth="1"/>
    <col min="13832" max="13832" width="38.90625" style="2" customWidth="1"/>
    <col min="13833" max="13845" width="4.90625" style="2" customWidth="1"/>
    <col min="13846" max="13846" width="7.7265625" style="2" customWidth="1"/>
    <col min="13847" max="13856" width="4.90625" style="2" customWidth="1"/>
    <col min="13857" max="14080" width="9" style="2"/>
    <col min="14081" max="14082" width="4.26953125" style="2" customWidth="1"/>
    <col min="14083" max="14083" width="25" style="2" customWidth="1"/>
    <col min="14084" max="14084" width="4.90625" style="2" customWidth="1"/>
    <col min="14085" max="14085" width="41.6328125" style="2" customWidth="1"/>
    <col min="14086" max="14086" width="4.90625" style="2" customWidth="1"/>
    <col min="14087" max="14087" width="19.6328125" style="2" customWidth="1"/>
    <col min="14088" max="14088" width="38.90625" style="2" customWidth="1"/>
    <col min="14089" max="14101" width="4.90625" style="2" customWidth="1"/>
    <col min="14102" max="14102" width="7.7265625" style="2" customWidth="1"/>
    <col min="14103" max="14112" width="4.90625" style="2" customWidth="1"/>
    <col min="14113" max="14336" width="9" style="2"/>
    <col min="14337" max="14338" width="4.26953125" style="2" customWidth="1"/>
    <col min="14339" max="14339" width="25" style="2" customWidth="1"/>
    <col min="14340" max="14340" width="4.90625" style="2" customWidth="1"/>
    <col min="14341" max="14341" width="41.6328125" style="2" customWidth="1"/>
    <col min="14342" max="14342" width="4.90625" style="2" customWidth="1"/>
    <col min="14343" max="14343" width="19.6328125" style="2" customWidth="1"/>
    <col min="14344" max="14344" width="38.90625" style="2" customWidth="1"/>
    <col min="14345" max="14357" width="4.90625" style="2" customWidth="1"/>
    <col min="14358" max="14358" width="7.7265625" style="2" customWidth="1"/>
    <col min="14359" max="14368" width="4.90625" style="2" customWidth="1"/>
    <col min="14369" max="14592" width="9" style="2"/>
    <col min="14593" max="14594" width="4.26953125" style="2" customWidth="1"/>
    <col min="14595" max="14595" width="25" style="2" customWidth="1"/>
    <col min="14596" max="14596" width="4.90625" style="2" customWidth="1"/>
    <col min="14597" max="14597" width="41.6328125" style="2" customWidth="1"/>
    <col min="14598" max="14598" width="4.90625" style="2" customWidth="1"/>
    <col min="14599" max="14599" width="19.6328125" style="2" customWidth="1"/>
    <col min="14600" max="14600" width="38.90625" style="2" customWidth="1"/>
    <col min="14601" max="14613" width="4.90625" style="2" customWidth="1"/>
    <col min="14614" max="14614" width="7.7265625" style="2" customWidth="1"/>
    <col min="14615" max="14624" width="4.90625" style="2" customWidth="1"/>
    <col min="14625" max="14848" width="9" style="2"/>
    <col min="14849" max="14850" width="4.26953125" style="2" customWidth="1"/>
    <col min="14851" max="14851" width="25" style="2" customWidth="1"/>
    <col min="14852" max="14852" width="4.90625" style="2" customWidth="1"/>
    <col min="14853" max="14853" width="41.6328125" style="2" customWidth="1"/>
    <col min="14854" max="14854" width="4.90625" style="2" customWidth="1"/>
    <col min="14855" max="14855" width="19.6328125" style="2" customWidth="1"/>
    <col min="14856" max="14856" width="38.90625" style="2" customWidth="1"/>
    <col min="14857" max="14869" width="4.90625" style="2" customWidth="1"/>
    <col min="14870" max="14870" width="7.7265625" style="2" customWidth="1"/>
    <col min="14871" max="14880" width="4.90625" style="2" customWidth="1"/>
    <col min="14881" max="15104" width="9" style="2"/>
    <col min="15105" max="15106" width="4.26953125" style="2" customWidth="1"/>
    <col min="15107" max="15107" width="25" style="2" customWidth="1"/>
    <col min="15108" max="15108" width="4.90625" style="2" customWidth="1"/>
    <col min="15109" max="15109" width="41.6328125" style="2" customWidth="1"/>
    <col min="15110" max="15110" width="4.90625" style="2" customWidth="1"/>
    <col min="15111" max="15111" width="19.6328125" style="2" customWidth="1"/>
    <col min="15112" max="15112" width="38.90625" style="2" customWidth="1"/>
    <col min="15113" max="15125" width="4.90625" style="2" customWidth="1"/>
    <col min="15126" max="15126" width="7.7265625" style="2" customWidth="1"/>
    <col min="15127" max="15136" width="4.90625" style="2" customWidth="1"/>
    <col min="15137" max="15360" width="9" style="2"/>
    <col min="15361" max="15362" width="4.26953125" style="2" customWidth="1"/>
    <col min="15363" max="15363" width="25" style="2" customWidth="1"/>
    <col min="15364" max="15364" width="4.90625" style="2" customWidth="1"/>
    <col min="15365" max="15365" width="41.6328125" style="2" customWidth="1"/>
    <col min="15366" max="15366" width="4.90625" style="2" customWidth="1"/>
    <col min="15367" max="15367" width="19.6328125" style="2" customWidth="1"/>
    <col min="15368" max="15368" width="38.90625" style="2" customWidth="1"/>
    <col min="15369" max="15381" width="4.90625" style="2" customWidth="1"/>
    <col min="15382" max="15382" width="7.7265625" style="2" customWidth="1"/>
    <col min="15383" max="15392" width="4.90625" style="2" customWidth="1"/>
    <col min="15393" max="15616" width="9" style="2"/>
    <col min="15617" max="15618" width="4.26953125" style="2" customWidth="1"/>
    <col min="15619" max="15619" width="25" style="2" customWidth="1"/>
    <col min="15620" max="15620" width="4.90625" style="2" customWidth="1"/>
    <col min="15621" max="15621" width="41.6328125" style="2" customWidth="1"/>
    <col min="15622" max="15622" width="4.90625" style="2" customWidth="1"/>
    <col min="15623" max="15623" width="19.6328125" style="2" customWidth="1"/>
    <col min="15624" max="15624" width="38.90625" style="2" customWidth="1"/>
    <col min="15625" max="15637" width="4.90625" style="2" customWidth="1"/>
    <col min="15638" max="15638" width="7.7265625" style="2" customWidth="1"/>
    <col min="15639" max="15648" width="4.90625" style="2" customWidth="1"/>
    <col min="15649" max="15872" width="9" style="2"/>
    <col min="15873" max="15874" width="4.26953125" style="2" customWidth="1"/>
    <col min="15875" max="15875" width="25" style="2" customWidth="1"/>
    <col min="15876" max="15876" width="4.90625" style="2" customWidth="1"/>
    <col min="15877" max="15877" width="41.6328125" style="2" customWidth="1"/>
    <col min="15878" max="15878" width="4.90625" style="2" customWidth="1"/>
    <col min="15879" max="15879" width="19.6328125" style="2" customWidth="1"/>
    <col min="15880" max="15880" width="38.90625" style="2" customWidth="1"/>
    <col min="15881" max="15893" width="4.90625" style="2" customWidth="1"/>
    <col min="15894" max="15894" width="7.7265625" style="2" customWidth="1"/>
    <col min="15895" max="15904" width="4.90625" style="2" customWidth="1"/>
    <col min="15905" max="16128" width="9" style="2"/>
    <col min="16129" max="16130" width="4.26953125" style="2" customWidth="1"/>
    <col min="16131" max="16131" width="25" style="2" customWidth="1"/>
    <col min="16132" max="16132" width="4.90625" style="2" customWidth="1"/>
    <col min="16133" max="16133" width="41.6328125" style="2" customWidth="1"/>
    <col min="16134" max="16134" width="4.90625" style="2" customWidth="1"/>
    <col min="16135" max="16135" width="19.6328125" style="2" customWidth="1"/>
    <col min="16136" max="16136" width="38.90625" style="2" customWidth="1"/>
    <col min="16137" max="16149" width="4.90625" style="2" customWidth="1"/>
    <col min="16150" max="16150" width="7.7265625" style="2" customWidth="1"/>
    <col min="16151" max="16160" width="4.90625" style="2" customWidth="1"/>
    <col min="16161" max="16384" width="9" style="2"/>
  </cols>
  <sheetData>
    <row r="1" spans="1:32" ht="13.5" customHeight="1"/>
    <row r="2" spans="1:32" ht="20.25" customHeight="1">
      <c r="A2" s="3" t="s">
        <v>0</v>
      </c>
      <c r="B2" s="3"/>
    </row>
    <row r="3" spans="1:32" ht="20.25" customHeight="1">
      <c r="A3" s="4" t="s">
        <v>1</v>
      </c>
      <c r="B3" s="4"/>
      <c r="C3" s="4"/>
      <c r="D3" s="4"/>
      <c r="E3" s="4"/>
      <c r="F3" s="4"/>
      <c r="G3" s="4"/>
      <c r="H3" s="4"/>
      <c r="I3" s="4"/>
      <c r="J3" s="4"/>
      <c r="K3" s="4"/>
      <c r="L3" s="4"/>
      <c r="M3" s="4"/>
      <c r="N3" s="4"/>
      <c r="O3" s="4"/>
      <c r="P3" s="4"/>
      <c r="Q3" s="4"/>
      <c r="R3" s="4"/>
      <c r="S3" s="4"/>
      <c r="T3" s="4"/>
      <c r="U3" s="4"/>
      <c r="V3" s="4"/>
      <c r="W3" s="4"/>
      <c r="X3" s="4"/>
      <c r="Y3" s="4"/>
      <c r="Z3" s="4"/>
      <c r="AA3" s="4"/>
      <c r="AB3" s="4"/>
      <c r="AC3" s="4"/>
      <c r="AD3" s="4"/>
      <c r="AE3" s="4"/>
      <c r="AF3" s="4"/>
    </row>
    <row r="5" spans="1:32" ht="30" customHeight="1">
      <c r="J5" s="1"/>
      <c r="K5" s="1"/>
      <c r="L5" s="1"/>
      <c r="M5" s="1"/>
      <c r="N5" s="1"/>
      <c r="O5" s="1"/>
      <c r="P5" s="1"/>
      <c r="Q5" s="1"/>
      <c r="R5" s="1"/>
      <c r="S5" s="5" t="s">
        <v>2</v>
      </c>
      <c r="T5" s="6"/>
      <c r="U5" s="6"/>
      <c r="V5" s="7"/>
      <c r="W5" s="8"/>
      <c r="X5" s="9"/>
      <c r="Y5" s="9"/>
      <c r="Z5" s="9"/>
      <c r="AA5" s="9"/>
      <c r="AB5" s="9"/>
      <c r="AC5" s="9"/>
      <c r="AD5" s="9"/>
      <c r="AE5" s="9"/>
      <c r="AF5" s="10"/>
    </row>
    <row r="7" spans="1:32" ht="17.25" customHeight="1">
      <c r="A7" s="5" t="s">
        <v>3</v>
      </c>
      <c r="B7" s="6"/>
      <c r="C7" s="7"/>
      <c r="D7" s="5" t="s">
        <v>4</v>
      </c>
      <c r="E7" s="7"/>
      <c r="F7" s="5" t="s">
        <v>5</v>
      </c>
      <c r="G7" s="7"/>
      <c r="H7" s="5" t="s">
        <v>6</v>
      </c>
      <c r="I7" s="6"/>
      <c r="J7" s="6"/>
      <c r="K7" s="6"/>
      <c r="L7" s="6"/>
      <c r="M7" s="6"/>
      <c r="N7" s="6"/>
      <c r="O7" s="6"/>
      <c r="P7" s="6"/>
      <c r="Q7" s="6"/>
      <c r="R7" s="6"/>
      <c r="S7" s="6"/>
      <c r="T7" s="6"/>
      <c r="U7" s="6"/>
      <c r="V7" s="6"/>
      <c r="W7" s="6"/>
      <c r="X7" s="7"/>
      <c r="Y7" s="5" t="s">
        <v>7</v>
      </c>
      <c r="Z7" s="6"/>
      <c r="AA7" s="6"/>
      <c r="AB7" s="7"/>
      <c r="AC7" s="5" t="s">
        <v>8</v>
      </c>
      <c r="AD7" s="6"/>
      <c r="AE7" s="6"/>
      <c r="AF7" s="7"/>
    </row>
    <row r="8" spans="1:32" ht="18.75" customHeight="1">
      <c r="A8" s="11"/>
      <c r="B8" s="12"/>
      <c r="C8" s="13"/>
      <c r="D8" s="14"/>
      <c r="E8" s="15"/>
      <c r="F8" s="16"/>
      <c r="G8" s="15"/>
      <c r="H8" s="17" t="s">
        <v>9</v>
      </c>
      <c r="I8" s="18" t="s">
        <v>10</v>
      </c>
      <c r="J8" s="19" t="s">
        <v>11</v>
      </c>
      <c r="K8" s="20"/>
      <c r="L8" s="19"/>
      <c r="M8" s="21" t="s">
        <v>10</v>
      </c>
      <c r="N8" s="19" t="s">
        <v>12</v>
      </c>
      <c r="O8" s="19"/>
      <c r="P8" s="19"/>
      <c r="Q8" s="19"/>
      <c r="R8" s="19"/>
      <c r="S8" s="19"/>
      <c r="T8" s="19"/>
      <c r="U8" s="19"/>
      <c r="V8" s="19"/>
      <c r="W8" s="19"/>
      <c r="X8" s="22"/>
      <c r="Y8" s="23" t="s">
        <v>10</v>
      </c>
      <c r="Z8" s="24" t="s">
        <v>13</v>
      </c>
      <c r="AA8" s="24"/>
      <c r="AB8" s="25"/>
      <c r="AC8" s="23" t="s">
        <v>10</v>
      </c>
      <c r="AD8" s="24" t="s">
        <v>13</v>
      </c>
      <c r="AE8" s="24"/>
      <c r="AF8" s="25"/>
    </row>
    <row r="9" spans="1:32" ht="19.5" customHeight="1">
      <c r="A9" s="26"/>
      <c r="B9" s="27"/>
      <c r="C9" s="28"/>
      <c r="D9" s="29"/>
      <c r="E9" s="30"/>
      <c r="F9" s="31"/>
      <c r="G9" s="32"/>
      <c r="H9" s="33" t="s">
        <v>14</v>
      </c>
      <c r="I9" s="34" t="s">
        <v>10</v>
      </c>
      <c r="J9" s="35" t="s">
        <v>11</v>
      </c>
      <c r="K9" s="36"/>
      <c r="L9" s="37"/>
      <c r="M9" s="38" t="s">
        <v>10</v>
      </c>
      <c r="N9" s="35" t="s">
        <v>12</v>
      </c>
      <c r="O9" s="38"/>
      <c r="P9" s="35"/>
      <c r="Q9" s="39"/>
      <c r="R9" s="39"/>
      <c r="S9" s="39"/>
      <c r="T9" s="39"/>
      <c r="U9" s="39"/>
      <c r="V9" s="39"/>
      <c r="W9" s="39"/>
      <c r="X9" s="40"/>
      <c r="Y9" s="41" t="s">
        <v>10</v>
      </c>
      <c r="Z9" s="42" t="s">
        <v>15</v>
      </c>
      <c r="AA9" s="42"/>
      <c r="AB9" s="43"/>
      <c r="AC9" s="41" t="s">
        <v>10</v>
      </c>
      <c r="AD9" s="42" t="s">
        <v>15</v>
      </c>
      <c r="AE9" s="42"/>
      <c r="AF9" s="43"/>
    </row>
    <row r="10" spans="1:32" ht="18.75" customHeight="1">
      <c r="A10" s="26"/>
      <c r="B10" s="27"/>
      <c r="C10" s="28"/>
      <c r="D10" s="29"/>
      <c r="E10" s="32"/>
      <c r="F10" s="44"/>
      <c r="G10" s="32"/>
      <c r="H10" s="45" t="s">
        <v>16</v>
      </c>
      <c r="I10" s="46" t="s">
        <v>10</v>
      </c>
      <c r="J10" s="47" t="s">
        <v>17</v>
      </c>
      <c r="K10" s="47"/>
      <c r="L10" s="47"/>
      <c r="M10" s="48" t="s">
        <v>10</v>
      </c>
      <c r="N10" s="47" t="s">
        <v>18</v>
      </c>
      <c r="O10" s="47"/>
      <c r="P10" s="47"/>
      <c r="Q10" s="49"/>
      <c r="R10" s="49"/>
      <c r="S10" s="49"/>
      <c r="T10" s="49"/>
      <c r="U10" s="42"/>
      <c r="V10" s="42"/>
      <c r="W10" s="42"/>
      <c r="X10" s="32"/>
      <c r="Y10" s="50"/>
      <c r="Z10" s="42"/>
      <c r="AA10" s="42"/>
      <c r="AB10" s="43"/>
      <c r="AC10" s="50"/>
      <c r="AD10" s="42"/>
      <c r="AE10" s="42"/>
      <c r="AF10" s="43"/>
    </row>
    <row r="11" spans="1:32" ht="18.75" customHeight="1">
      <c r="A11" s="26"/>
      <c r="B11" s="27"/>
      <c r="C11" s="28"/>
      <c r="D11" s="29"/>
      <c r="E11" s="32"/>
      <c r="F11" s="44"/>
      <c r="G11" s="32"/>
      <c r="H11" s="51"/>
      <c r="I11" s="52"/>
      <c r="J11" s="53"/>
      <c r="K11" s="53"/>
      <c r="L11" s="53"/>
      <c r="M11" s="54"/>
      <c r="N11" s="53"/>
      <c r="O11" s="53"/>
      <c r="P11" s="53"/>
      <c r="Q11" s="55"/>
      <c r="R11" s="55"/>
      <c r="S11" s="55"/>
      <c r="T11" s="55"/>
      <c r="U11" s="19"/>
      <c r="V11" s="19"/>
      <c r="W11" s="19"/>
      <c r="X11" s="22"/>
      <c r="Y11" s="50"/>
      <c r="Z11" s="42"/>
      <c r="AA11" s="42"/>
      <c r="AB11" s="43"/>
      <c r="AC11" s="50"/>
      <c r="AD11" s="42"/>
      <c r="AE11" s="42"/>
      <c r="AF11" s="43"/>
    </row>
    <row r="12" spans="1:32" ht="18.75" customHeight="1">
      <c r="A12" s="26"/>
      <c r="B12" s="27"/>
      <c r="C12" s="28"/>
      <c r="D12" s="29"/>
      <c r="E12" s="32"/>
      <c r="F12" s="44"/>
      <c r="G12" s="32"/>
      <c r="H12" s="45" t="s">
        <v>19</v>
      </c>
      <c r="I12" s="46" t="s">
        <v>10</v>
      </c>
      <c r="J12" s="47" t="s">
        <v>17</v>
      </c>
      <c r="K12" s="47"/>
      <c r="L12" s="47"/>
      <c r="M12" s="48" t="s">
        <v>10</v>
      </c>
      <c r="N12" s="47" t="s">
        <v>18</v>
      </c>
      <c r="O12" s="47"/>
      <c r="P12" s="47"/>
      <c r="Q12" s="49"/>
      <c r="R12" s="49"/>
      <c r="S12" s="49"/>
      <c r="T12" s="49"/>
      <c r="U12" s="42"/>
      <c r="V12" s="42"/>
      <c r="W12" s="42"/>
      <c r="X12" s="32"/>
      <c r="Y12" s="50"/>
      <c r="Z12" s="42"/>
      <c r="AA12" s="42"/>
      <c r="AB12" s="43"/>
      <c r="AC12" s="50"/>
      <c r="AD12" s="42"/>
      <c r="AE12" s="42"/>
      <c r="AF12" s="43"/>
    </row>
    <row r="13" spans="1:32" ht="18.75" customHeight="1">
      <c r="A13" s="26"/>
      <c r="B13" s="27"/>
      <c r="C13" s="28"/>
      <c r="D13" s="29"/>
      <c r="E13" s="32"/>
      <c r="F13" s="44"/>
      <c r="G13" s="32"/>
      <c r="H13" s="51"/>
      <c r="I13" s="52"/>
      <c r="J13" s="53"/>
      <c r="K13" s="53"/>
      <c r="L13" s="53"/>
      <c r="M13" s="54"/>
      <c r="N13" s="53"/>
      <c r="O13" s="53"/>
      <c r="P13" s="53"/>
      <c r="Q13" s="55"/>
      <c r="R13" s="55"/>
      <c r="S13" s="55"/>
      <c r="T13" s="55"/>
      <c r="U13" s="19"/>
      <c r="V13" s="19"/>
      <c r="W13" s="19"/>
      <c r="X13" s="22"/>
      <c r="Y13" s="50"/>
      <c r="Z13" s="42"/>
      <c r="AA13" s="42"/>
      <c r="AB13" s="43"/>
      <c r="AC13" s="50"/>
      <c r="AD13" s="42"/>
      <c r="AE13" s="42"/>
      <c r="AF13" s="43"/>
    </row>
    <row r="14" spans="1:32" ht="18.75" customHeight="1">
      <c r="A14" s="26"/>
      <c r="B14" s="27"/>
      <c r="C14" s="28"/>
      <c r="D14" s="29"/>
      <c r="E14" s="32"/>
      <c r="F14" s="44"/>
      <c r="G14" s="32"/>
      <c r="H14" s="45" t="s">
        <v>20</v>
      </c>
      <c r="I14" s="46" t="s">
        <v>10</v>
      </c>
      <c r="J14" s="47" t="s">
        <v>17</v>
      </c>
      <c r="K14" s="47"/>
      <c r="L14" s="47"/>
      <c r="M14" s="48" t="s">
        <v>10</v>
      </c>
      <c r="N14" s="47" t="s">
        <v>18</v>
      </c>
      <c r="O14" s="47"/>
      <c r="P14" s="47"/>
      <c r="Q14" s="49"/>
      <c r="R14" s="49"/>
      <c r="S14" s="49"/>
      <c r="T14" s="49"/>
      <c r="U14" s="42"/>
      <c r="V14" s="42"/>
      <c r="W14" s="42"/>
      <c r="X14" s="32"/>
      <c r="Y14" s="50"/>
      <c r="Z14" s="42"/>
      <c r="AA14" s="42"/>
      <c r="AB14" s="43"/>
      <c r="AC14" s="50"/>
      <c r="AD14" s="42"/>
      <c r="AE14" s="42"/>
      <c r="AF14" s="43"/>
    </row>
    <row r="15" spans="1:32" ht="18.75" customHeight="1">
      <c r="A15" s="26"/>
      <c r="B15" s="27"/>
      <c r="C15" s="28"/>
      <c r="D15" s="29"/>
      <c r="E15" s="32"/>
      <c r="F15" s="44"/>
      <c r="G15" s="32"/>
      <c r="H15" s="51"/>
      <c r="I15" s="52"/>
      <c r="J15" s="53"/>
      <c r="K15" s="53"/>
      <c r="L15" s="53"/>
      <c r="M15" s="54"/>
      <c r="N15" s="53"/>
      <c r="O15" s="53"/>
      <c r="P15" s="53"/>
      <c r="Q15" s="55"/>
      <c r="R15" s="55"/>
      <c r="S15" s="55"/>
      <c r="T15" s="55"/>
      <c r="U15" s="19"/>
      <c r="V15" s="19"/>
      <c r="W15" s="19"/>
      <c r="X15" s="32"/>
      <c r="Y15" s="50"/>
      <c r="Z15" s="42"/>
      <c r="AA15" s="42"/>
      <c r="AB15" s="43"/>
      <c r="AC15" s="50"/>
      <c r="AD15" s="42"/>
      <c r="AE15" s="42"/>
      <c r="AF15" s="43"/>
    </row>
    <row r="16" spans="1:32" ht="18.75" customHeight="1">
      <c r="A16" s="26"/>
      <c r="B16" s="27"/>
      <c r="C16" s="28"/>
      <c r="D16" s="29"/>
      <c r="E16" s="32"/>
      <c r="F16" s="44"/>
      <c r="G16" s="32"/>
      <c r="H16" s="33" t="s">
        <v>21</v>
      </c>
      <c r="I16" s="34" t="s">
        <v>10</v>
      </c>
      <c r="J16" s="35" t="s">
        <v>22</v>
      </c>
      <c r="K16" s="36"/>
      <c r="L16" s="56" t="s">
        <v>10</v>
      </c>
      <c r="M16" s="57" t="s">
        <v>23</v>
      </c>
      <c r="N16" s="35"/>
      <c r="O16" s="38"/>
      <c r="P16" s="42"/>
      <c r="Q16" s="42"/>
      <c r="R16" s="42"/>
      <c r="S16" s="42"/>
      <c r="T16" s="42"/>
      <c r="U16" s="42"/>
      <c r="V16" s="42"/>
      <c r="W16" s="42"/>
      <c r="X16" s="58"/>
      <c r="Y16" s="50"/>
      <c r="Z16" s="42"/>
      <c r="AA16" s="42"/>
      <c r="AB16" s="43"/>
      <c r="AC16" s="50"/>
      <c r="AD16" s="42"/>
      <c r="AE16" s="42"/>
      <c r="AF16" s="43"/>
    </row>
    <row r="17" spans="1:32" ht="18.75" customHeight="1">
      <c r="A17" s="41" t="s">
        <v>10</v>
      </c>
      <c r="B17" s="27" t="s">
        <v>24</v>
      </c>
      <c r="C17" s="28" t="s">
        <v>25</v>
      </c>
      <c r="D17" s="29"/>
      <c r="E17" s="32"/>
      <c r="F17" s="44"/>
      <c r="G17" s="32"/>
      <c r="H17" s="45" t="s">
        <v>26</v>
      </c>
      <c r="I17" s="59" t="s">
        <v>10</v>
      </c>
      <c r="J17" s="47" t="s">
        <v>17</v>
      </c>
      <c r="K17" s="47"/>
      <c r="L17" s="47"/>
      <c r="M17" s="59" t="s">
        <v>10</v>
      </c>
      <c r="N17" s="47" t="s">
        <v>18</v>
      </c>
      <c r="O17" s="47"/>
      <c r="P17" s="47"/>
      <c r="Q17" s="60"/>
      <c r="R17" s="60"/>
      <c r="S17" s="60"/>
      <c r="T17" s="60"/>
      <c r="U17" s="60"/>
      <c r="V17" s="60"/>
      <c r="W17" s="60"/>
      <c r="X17" s="61"/>
      <c r="Y17" s="50"/>
      <c r="Z17" s="42"/>
      <c r="AA17" s="62"/>
      <c r="AB17" s="43"/>
      <c r="AC17" s="50"/>
      <c r="AD17" s="42"/>
      <c r="AE17" s="62"/>
      <c r="AF17" s="43"/>
    </row>
    <row r="18" spans="1:32" ht="18.75" customHeight="1">
      <c r="A18" s="26"/>
      <c r="B18" s="27"/>
      <c r="C18" s="28"/>
      <c r="D18" s="29"/>
      <c r="E18" s="32"/>
      <c r="F18" s="44"/>
      <c r="G18" s="32"/>
      <c r="H18" s="51"/>
      <c r="I18" s="63"/>
      <c r="J18" s="53"/>
      <c r="K18" s="53"/>
      <c r="L18" s="53"/>
      <c r="M18" s="63"/>
      <c r="N18" s="53"/>
      <c r="O18" s="53"/>
      <c r="P18" s="53"/>
      <c r="Q18" s="64"/>
      <c r="R18" s="64"/>
      <c r="S18" s="64"/>
      <c r="T18" s="64"/>
      <c r="U18" s="64"/>
      <c r="V18" s="64"/>
      <c r="W18" s="64"/>
      <c r="X18" s="65"/>
      <c r="Y18" s="50"/>
      <c r="Z18" s="66"/>
      <c r="AA18" s="66"/>
      <c r="AB18" s="67"/>
      <c r="AC18" s="50"/>
      <c r="AD18" s="66"/>
      <c r="AE18" s="66"/>
      <c r="AF18" s="67"/>
    </row>
    <row r="19" spans="1:32" ht="18.75" customHeight="1">
      <c r="A19" s="44"/>
      <c r="C19" s="28"/>
      <c r="D19" s="29"/>
      <c r="E19" s="32"/>
      <c r="F19" s="44"/>
      <c r="G19" s="32"/>
      <c r="H19" s="45" t="s">
        <v>27</v>
      </c>
      <c r="I19" s="59" t="s">
        <v>10</v>
      </c>
      <c r="J19" s="47" t="s">
        <v>17</v>
      </c>
      <c r="K19" s="47"/>
      <c r="L19" s="47"/>
      <c r="M19" s="59" t="s">
        <v>10</v>
      </c>
      <c r="N19" s="47" t="s">
        <v>18</v>
      </c>
      <c r="O19" s="47"/>
      <c r="P19" s="47"/>
      <c r="Q19" s="60"/>
      <c r="R19" s="60"/>
      <c r="S19" s="60"/>
      <c r="T19" s="60"/>
      <c r="U19" s="60"/>
      <c r="V19" s="60"/>
      <c r="W19" s="60"/>
      <c r="X19" s="61"/>
      <c r="Y19" s="50"/>
      <c r="Z19" s="66"/>
      <c r="AA19" s="66"/>
      <c r="AB19" s="67"/>
      <c r="AC19" s="50"/>
      <c r="AD19" s="66"/>
      <c r="AE19" s="66"/>
      <c r="AF19" s="67"/>
    </row>
    <row r="20" spans="1:32" ht="18.75" customHeight="1">
      <c r="A20" s="26"/>
      <c r="B20" s="27"/>
      <c r="C20" s="28"/>
      <c r="D20" s="29"/>
      <c r="E20" s="32"/>
      <c r="F20" s="44"/>
      <c r="G20" s="32"/>
      <c r="H20" s="51"/>
      <c r="I20" s="63"/>
      <c r="J20" s="53"/>
      <c r="K20" s="53"/>
      <c r="L20" s="53"/>
      <c r="M20" s="63"/>
      <c r="N20" s="53"/>
      <c r="O20" s="53"/>
      <c r="P20" s="53"/>
      <c r="Q20" s="64"/>
      <c r="R20" s="64"/>
      <c r="S20" s="64"/>
      <c r="T20" s="64"/>
      <c r="U20" s="64"/>
      <c r="V20" s="64"/>
      <c r="W20" s="64"/>
      <c r="X20" s="65"/>
      <c r="Y20" s="50"/>
      <c r="Z20" s="66"/>
      <c r="AA20" s="66"/>
      <c r="AB20" s="67"/>
      <c r="AC20" s="50"/>
      <c r="AD20" s="66"/>
      <c r="AE20" s="66"/>
      <c r="AF20" s="67"/>
    </row>
    <row r="21" spans="1:32" ht="18.75" customHeight="1">
      <c r="A21" s="26"/>
      <c r="B21" s="27"/>
      <c r="C21" s="28"/>
      <c r="D21" s="29"/>
      <c r="E21" s="32"/>
      <c r="F21" s="44"/>
      <c r="G21" s="32"/>
      <c r="H21" s="33" t="s">
        <v>28</v>
      </c>
      <c r="I21" s="34" t="s">
        <v>10</v>
      </c>
      <c r="J21" s="35" t="s">
        <v>22</v>
      </c>
      <c r="K21" s="35"/>
      <c r="L21" s="38" t="s">
        <v>10</v>
      </c>
      <c r="M21" s="35" t="s">
        <v>23</v>
      </c>
      <c r="N21" s="35"/>
      <c r="O21" s="39"/>
      <c r="P21" s="35"/>
      <c r="Q21" s="64"/>
      <c r="R21" s="64"/>
      <c r="S21" s="64"/>
      <c r="T21" s="64"/>
      <c r="U21" s="64"/>
      <c r="V21" s="64"/>
      <c r="W21" s="64"/>
      <c r="X21" s="65"/>
      <c r="Y21" s="50"/>
      <c r="Z21" s="66"/>
      <c r="AA21" s="66"/>
      <c r="AB21" s="67"/>
      <c r="AC21" s="50"/>
      <c r="AD21" s="66"/>
      <c r="AE21" s="66"/>
      <c r="AF21" s="67"/>
    </row>
    <row r="22" spans="1:32" ht="18.75" customHeight="1">
      <c r="A22" s="26"/>
      <c r="B22" s="27"/>
      <c r="C22" s="28"/>
      <c r="D22" s="29"/>
      <c r="E22" s="32"/>
      <c r="F22" s="44"/>
      <c r="G22" s="32"/>
      <c r="H22" s="45" t="s">
        <v>29</v>
      </c>
      <c r="I22" s="68" t="s">
        <v>10</v>
      </c>
      <c r="J22" s="69" t="s">
        <v>22</v>
      </c>
      <c r="K22" s="69"/>
      <c r="L22" s="70"/>
      <c r="M22" s="70" t="s">
        <v>10</v>
      </c>
      <c r="N22" s="69" t="s">
        <v>30</v>
      </c>
      <c r="O22" s="71"/>
      <c r="P22" s="70"/>
      <c r="Q22" s="70" t="s">
        <v>10</v>
      </c>
      <c r="R22" s="42" t="s">
        <v>31</v>
      </c>
      <c r="S22" s="70"/>
      <c r="T22" s="70"/>
      <c r="U22" s="70"/>
      <c r="V22" s="42"/>
      <c r="W22" s="72"/>
      <c r="X22" s="73"/>
      <c r="Y22" s="66"/>
      <c r="Z22" s="66"/>
      <c r="AA22" s="66"/>
      <c r="AB22" s="67"/>
      <c r="AC22" s="50"/>
      <c r="AD22" s="66"/>
      <c r="AE22" s="66"/>
      <c r="AF22" s="67"/>
    </row>
    <row r="23" spans="1:32" ht="18.75" customHeight="1">
      <c r="A23" s="74"/>
      <c r="B23" s="75"/>
      <c r="C23" s="76"/>
      <c r="D23" s="77"/>
      <c r="E23" s="78"/>
      <c r="F23" s="79"/>
      <c r="G23" s="80"/>
      <c r="H23" s="81"/>
      <c r="I23" s="41" t="s">
        <v>10</v>
      </c>
      <c r="J23" s="82" t="s">
        <v>32</v>
      </c>
      <c r="K23" s="42"/>
      <c r="L23" s="21"/>
      <c r="M23" s="21" t="s">
        <v>10</v>
      </c>
      <c r="N23" s="82" t="s">
        <v>33</v>
      </c>
      <c r="O23" s="83"/>
      <c r="P23" s="84"/>
      <c r="Q23" s="84" t="s">
        <v>10</v>
      </c>
      <c r="R23" s="82" t="s">
        <v>34</v>
      </c>
      <c r="S23" s="84"/>
      <c r="T23" s="82"/>
      <c r="U23" s="84" t="s">
        <v>10</v>
      </c>
      <c r="V23" s="82" t="s">
        <v>35</v>
      </c>
      <c r="W23" s="85"/>
      <c r="X23" s="86"/>
      <c r="Y23" s="87"/>
      <c r="Z23" s="87"/>
      <c r="AA23" s="87"/>
      <c r="AB23" s="88"/>
      <c r="AC23" s="89"/>
      <c r="AD23" s="87"/>
      <c r="AE23" s="87"/>
      <c r="AF23" s="88"/>
    </row>
    <row r="24" spans="1:32" ht="18.75" customHeight="1">
      <c r="A24" s="11"/>
      <c r="B24" s="12"/>
      <c r="C24" s="13"/>
      <c r="D24" s="14"/>
      <c r="E24" s="15"/>
      <c r="F24" s="16"/>
      <c r="G24" s="25"/>
      <c r="H24" s="90" t="s">
        <v>36</v>
      </c>
      <c r="I24" s="18" t="s">
        <v>10</v>
      </c>
      <c r="J24" s="91" t="s">
        <v>22</v>
      </c>
      <c r="K24" s="91"/>
      <c r="L24" s="92"/>
      <c r="M24" s="56" t="s">
        <v>10</v>
      </c>
      <c r="N24" s="91" t="s">
        <v>37</v>
      </c>
      <c r="O24" s="91"/>
      <c r="P24" s="92"/>
      <c r="Q24" s="56" t="s">
        <v>10</v>
      </c>
      <c r="R24" s="93" t="s">
        <v>38</v>
      </c>
      <c r="S24" s="93"/>
      <c r="T24" s="93"/>
      <c r="U24" s="93"/>
      <c r="V24" s="93"/>
      <c r="W24" s="93"/>
      <c r="X24" s="94"/>
      <c r="Y24" s="23" t="s">
        <v>10</v>
      </c>
      <c r="Z24" s="24" t="s">
        <v>13</v>
      </c>
      <c r="AA24" s="24"/>
      <c r="AB24" s="25"/>
      <c r="AC24" s="23" t="s">
        <v>10</v>
      </c>
      <c r="AD24" s="24" t="s">
        <v>13</v>
      </c>
      <c r="AE24" s="24"/>
      <c r="AF24" s="25"/>
    </row>
    <row r="25" spans="1:32" ht="18.75" customHeight="1">
      <c r="A25" s="26"/>
      <c r="B25" s="27"/>
      <c r="C25" s="28"/>
      <c r="D25" s="29"/>
      <c r="E25" s="32"/>
      <c r="F25" s="44"/>
      <c r="G25" s="43"/>
      <c r="H25" s="95" t="s">
        <v>9</v>
      </c>
      <c r="I25" s="21" t="s">
        <v>10</v>
      </c>
      <c r="J25" s="42" t="s">
        <v>11</v>
      </c>
      <c r="K25" s="42"/>
      <c r="L25" s="96"/>
      <c r="M25" s="21" t="s">
        <v>10</v>
      </c>
      <c r="N25" s="42" t="s">
        <v>12</v>
      </c>
      <c r="O25" s="42"/>
      <c r="P25" s="37"/>
      <c r="Q25" s="38"/>
      <c r="R25" s="97"/>
      <c r="S25" s="98"/>
      <c r="T25" s="98"/>
      <c r="U25" s="98"/>
      <c r="V25" s="98"/>
      <c r="W25" s="98"/>
      <c r="X25" s="99"/>
      <c r="Y25" s="41" t="s">
        <v>10</v>
      </c>
      <c r="Z25" s="42" t="s">
        <v>15</v>
      </c>
      <c r="AA25" s="62"/>
      <c r="AB25" s="43"/>
      <c r="AC25" s="41" t="s">
        <v>10</v>
      </c>
      <c r="AD25" s="42" t="s">
        <v>15</v>
      </c>
      <c r="AE25" s="62"/>
      <c r="AF25" s="43"/>
    </row>
    <row r="26" spans="1:32" ht="18.75" customHeight="1">
      <c r="A26" s="26"/>
      <c r="B26" s="27"/>
      <c r="C26" s="28"/>
      <c r="D26" s="29"/>
      <c r="E26" s="32"/>
      <c r="F26" s="44"/>
      <c r="G26" s="43"/>
      <c r="H26" s="33" t="s">
        <v>14</v>
      </c>
      <c r="I26" s="34" t="s">
        <v>10</v>
      </c>
      <c r="J26" s="35" t="s">
        <v>11</v>
      </c>
      <c r="K26" s="36"/>
      <c r="L26" s="37"/>
      <c r="M26" s="38" t="s">
        <v>10</v>
      </c>
      <c r="N26" s="35" t="s">
        <v>12</v>
      </c>
      <c r="O26" s="38"/>
      <c r="P26" s="96"/>
      <c r="Q26" s="21"/>
      <c r="S26" s="98"/>
      <c r="T26" s="98"/>
      <c r="U26" s="98"/>
      <c r="V26" s="98"/>
      <c r="W26" s="98"/>
      <c r="X26" s="99"/>
      <c r="Z26" s="42"/>
      <c r="AA26" s="42"/>
      <c r="AB26" s="43"/>
      <c r="AC26" s="100"/>
      <c r="AD26" s="42"/>
      <c r="AE26" s="42"/>
      <c r="AF26" s="43"/>
    </row>
    <row r="27" spans="1:32" ht="18.75" customHeight="1">
      <c r="A27" s="26"/>
      <c r="B27" s="27"/>
      <c r="C27" s="28"/>
      <c r="D27" s="29"/>
      <c r="E27" s="32"/>
      <c r="F27" s="44"/>
      <c r="G27" s="43"/>
      <c r="H27" s="101" t="s">
        <v>39</v>
      </c>
      <c r="I27" s="68" t="s">
        <v>10</v>
      </c>
      <c r="J27" s="35" t="s">
        <v>22</v>
      </c>
      <c r="K27" s="36"/>
      <c r="L27" s="38" t="s">
        <v>10</v>
      </c>
      <c r="M27" s="35" t="s">
        <v>23</v>
      </c>
      <c r="N27" s="97"/>
      <c r="O27" s="97"/>
      <c r="P27" s="97"/>
      <c r="Q27" s="97"/>
      <c r="R27" s="97"/>
      <c r="S27" s="97"/>
      <c r="T27" s="97"/>
      <c r="U27" s="97"/>
      <c r="V27" s="97"/>
      <c r="W27" s="97"/>
      <c r="X27" s="102"/>
      <c r="AC27" s="100"/>
      <c r="AF27" s="103"/>
    </row>
    <row r="28" spans="1:32" ht="18.75" customHeight="1">
      <c r="A28" s="26"/>
      <c r="B28" s="27"/>
      <c r="C28" s="28"/>
      <c r="D28" s="29"/>
      <c r="E28" s="32"/>
      <c r="F28" s="44"/>
      <c r="G28" s="43"/>
      <c r="H28" s="104" t="s">
        <v>40</v>
      </c>
      <c r="I28" s="68" t="s">
        <v>10</v>
      </c>
      <c r="J28" s="35" t="s">
        <v>22</v>
      </c>
      <c r="K28" s="36"/>
      <c r="L28" s="38" t="s">
        <v>10</v>
      </c>
      <c r="M28" s="35" t="s">
        <v>23</v>
      </c>
      <c r="N28" s="97"/>
      <c r="O28" s="97"/>
      <c r="P28" s="97"/>
      <c r="Q28" s="97"/>
      <c r="R28" s="97"/>
      <c r="S28" s="97"/>
      <c r="T28" s="97"/>
      <c r="U28" s="97"/>
      <c r="V28" s="97"/>
      <c r="W28" s="97"/>
      <c r="X28" s="102"/>
      <c r="Y28" s="100"/>
      <c r="Z28" s="62"/>
      <c r="AA28" s="62"/>
      <c r="AB28" s="43"/>
      <c r="AC28" s="100"/>
      <c r="AD28" s="62"/>
      <c r="AE28" s="62"/>
      <c r="AF28" s="43"/>
    </row>
    <row r="29" spans="1:32" ht="18.75" customHeight="1">
      <c r="A29" s="26"/>
      <c r="B29" s="27"/>
      <c r="C29" s="28"/>
      <c r="D29" s="29"/>
      <c r="E29" s="32"/>
      <c r="F29" s="44"/>
      <c r="G29" s="43"/>
      <c r="H29" s="42" t="s">
        <v>41</v>
      </c>
      <c r="I29" s="105" t="s">
        <v>10</v>
      </c>
      <c r="J29" s="35" t="s">
        <v>22</v>
      </c>
      <c r="K29" s="35"/>
      <c r="L29" s="106" t="s">
        <v>10</v>
      </c>
      <c r="M29" s="35" t="s">
        <v>23</v>
      </c>
      <c r="N29" s="97"/>
      <c r="O29" s="97"/>
      <c r="P29" s="97"/>
      <c r="Q29" s="97"/>
      <c r="R29" s="97"/>
      <c r="S29" s="97"/>
      <c r="T29" s="97"/>
      <c r="U29" s="97"/>
      <c r="V29" s="97"/>
      <c r="W29" s="97"/>
      <c r="X29" s="102"/>
      <c r="Y29" s="100"/>
      <c r="Z29" s="62"/>
      <c r="AA29" s="62"/>
      <c r="AB29" s="43"/>
      <c r="AC29" s="100"/>
      <c r="AD29" s="62"/>
      <c r="AE29" s="62"/>
      <c r="AF29" s="43"/>
    </row>
    <row r="30" spans="1:32" ht="18.75" customHeight="1">
      <c r="A30" s="41" t="s">
        <v>10</v>
      </c>
      <c r="B30" s="27" t="s">
        <v>42</v>
      </c>
      <c r="C30" s="28" t="s">
        <v>43</v>
      </c>
      <c r="D30" s="29"/>
      <c r="E30" s="32"/>
      <c r="F30" s="44"/>
      <c r="G30" s="43"/>
      <c r="H30" s="107" t="s">
        <v>44</v>
      </c>
      <c r="I30" s="105" t="s">
        <v>10</v>
      </c>
      <c r="J30" s="35" t="s">
        <v>22</v>
      </c>
      <c r="K30" s="35"/>
      <c r="L30" s="106" t="s">
        <v>10</v>
      </c>
      <c r="M30" s="35" t="s">
        <v>23</v>
      </c>
      <c r="N30" s="97"/>
      <c r="O30" s="97"/>
      <c r="P30" s="97"/>
      <c r="Q30" s="97"/>
      <c r="R30" s="97"/>
      <c r="S30" s="97"/>
      <c r="T30" s="97"/>
      <c r="U30" s="97"/>
      <c r="V30" s="97"/>
      <c r="W30" s="97"/>
      <c r="X30" s="102"/>
      <c r="Y30" s="100"/>
      <c r="Z30" s="62"/>
      <c r="AA30" s="62"/>
      <c r="AB30" s="43"/>
      <c r="AC30" s="100"/>
      <c r="AD30" s="62"/>
      <c r="AE30" s="62"/>
      <c r="AF30" s="43"/>
    </row>
    <row r="31" spans="1:32" ht="18.75" customHeight="1">
      <c r="A31" s="44"/>
      <c r="B31" s="27"/>
      <c r="C31" s="28"/>
      <c r="D31" s="29"/>
      <c r="E31" s="32"/>
      <c r="F31" s="44"/>
      <c r="G31" s="43"/>
      <c r="H31" s="107" t="s">
        <v>45</v>
      </c>
      <c r="I31" s="105" t="s">
        <v>10</v>
      </c>
      <c r="J31" s="35" t="s">
        <v>22</v>
      </c>
      <c r="K31" s="35"/>
      <c r="L31" s="106" t="s">
        <v>10</v>
      </c>
      <c r="M31" s="35" t="s">
        <v>23</v>
      </c>
      <c r="N31" s="97"/>
      <c r="O31" s="97"/>
      <c r="P31" s="97"/>
      <c r="Q31" s="97"/>
      <c r="R31" s="97"/>
      <c r="S31" s="97"/>
      <c r="T31" s="97"/>
      <c r="U31" s="97"/>
      <c r="V31" s="97"/>
      <c r="W31" s="97"/>
      <c r="X31" s="102"/>
      <c r="Y31" s="100"/>
      <c r="Z31" s="62"/>
      <c r="AA31" s="62"/>
      <c r="AB31" s="43"/>
      <c r="AC31" s="100"/>
      <c r="AD31" s="62"/>
      <c r="AE31" s="62"/>
      <c r="AF31" s="43"/>
    </row>
    <row r="32" spans="1:32" ht="18.75" customHeight="1">
      <c r="A32" s="26"/>
      <c r="B32" s="27"/>
      <c r="C32" s="28"/>
      <c r="D32" s="29"/>
      <c r="E32" s="32"/>
      <c r="F32" s="44"/>
      <c r="G32" s="43"/>
      <c r="H32" s="101" t="s">
        <v>46</v>
      </c>
      <c r="I32" s="34" t="s">
        <v>10</v>
      </c>
      <c r="J32" s="35" t="s">
        <v>22</v>
      </c>
      <c r="K32" s="35"/>
      <c r="L32" s="38" t="s">
        <v>10</v>
      </c>
      <c r="M32" s="35" t="s">
        <v>47</v>
      </c>
      <c r="N32" s="35"/>
      <c r="O32" s="38" t="s">
        <v>10</v>
      </c>
      <c r="P32" s="35" t="s">
        <v>48</v>
      </c>
      <c r="Q32" s="39"/>
      <c r="R32" s="38" t="s">
        <v>10</v>
      </c>
      <c r="S32" s="35" t="s">
        <v>49</v>
      </c>
      <c r="T32" s="39"/>
      <c r="U32" s="39"/>
      <c r="V32" s="35"/>
      <c r="W32" s="35"/>
      <c r="X32" s="58"/>
      <c r="Y32" s="100"/>
      <c r="Z32" s="62"/>
      <c r="AA32" s="62"/>
      <c r="AB32" s="43"/>
      <c r="AC32" s="100"/>
      <c r="AD32" s="62"/>
      <c r="AE32" s="62"/>
      <c r="AF32" s="43"/>
    </row>
    <row r="33" spans="1:32" ht="18.75" customHeight="1">
      <c r="A33" s="26"/>
      <c r="B33" s="27"/>
      <c r="C33" s="28"/>
      <c r="D33" s="29"/>
      <c r="E33" s="32"/>
      <c r="F33" s="44"/>
      <c r="G33" s="43"/>
      <c r="H33" s="107" t="s">
        <v>50</v>
      </c>
      <c r="I33" s="68" t="s">
        <v>10</v>
      </c>
      <c r="J33" s="35" t="s">
        <v>22</v>
      </c>
      <c r="K33" s="35"/>
      <c r="L33" s="70" t="s">
        <v>10</v>
      </c>
      <c r="M33" s="35" t="s">
        <v>51</v>
      </c>
      <c r="N33" s="35"/>
      <c r="O33" s="21" t="s">
        <v>10</v>
      </c>
      <c r="P33" s="35" t="s">
        <v>52</v>
      </c>
      <c r="Q33" s="97"/>
      <c r="R33" s="97"/>
      <c r="S33" s="97"/>
      <c r="T33" s="97"/>
      <c r="U33" s="97"/>
      <c r="V33" s="97"/>
      <c r="W33" s="97"/>
      <c r="X33" s="102"/>
      <c r="Y33" s="100"/>
      <c r="Z33" s="62"/>
      <c r="AA33" s="62"/>
      <c r="AB33" s="43"/>
      <c r="AC33" s="100"/>
      <c r="AD33" s="62"/>
      <c r="AE33" s="62"/>
      <c r="AF33" s="43"/>
    </row>
    <row r="34" spans="1:32" ht="18.75" customHeight="1">
      <c r="A34" s="26"/>
      <c r="B34" s="27"/>
      <c r="C34" s="28"/>
      <c r="D34" s="29"/>
      <c r="E34" s="32"/>
      <c r="F34" s="44"/>
      <c r="G34" s="43"/>
      <c r="H34" s="101" t="s">
        <v>53</v>
      </c>
      <c r="I34" s="68" t="s">
        <v>10</v>
      </c>
      <c r="J34" s="35" t="s">
        <v>22</v>
      </c>
      <c r="K34" s="36"/>
      <c r="L34" s="38" t="s">
        <v>10</v>
      </c>
      <c r="M34" s="35" t="s">
        <v>23</v>
      </c>
      <c r="N34" s="97"/>
      <c r="O34" s="97"/>
      <c r="P34" s="97"/>
      <c r="Q34" s="97"/>
      <c r="R34" s="97"/>
      <c r="S34" s="97"/>
      <c r="T34" s="97"/>
      <c r="U34" s="97"/>
      <c r="V34" s="97"/>
      <c r="W34" s="97"/>
      <c r="X34" s="102"/>
      <c r="Y34" s="100"/>
      <c r="Z34" s="62"/>
      <c r="AA34" s="62"/>
      <c r="AB34" s="43"/>
      <c r="AC34" s="100"/>
      <c r="AD34" s="62"/>
      <c r="AE34" s="62"/>
      <c r="AF34" s="43"/>
    </row>
    <row r="35" spans="1:32" ht="18.75" customHeight="1">
      <c r="A35" s="26"/>
      <c r="B35" s="27"/>
      <c r="C35" s="28"/>
      <c r="D35" s="29"/>
      <c r="E35" s="32"/>
      <c r="F35" s="44"/>
      <c r="G35" s="43"/>
      <c r="H35" s="45" t="s">
        <v>54</v>
      </c>
      <c r="I35" s="68" t="s">
        <v>10</v>
      </c>
      <c r="J35" s="69" t="s">
        <v>22</v>
      </c>
      <c r="K35" s="69"/>
      <c r="L35" s="70"/>
      <c r="M35" s="70" t="s">
        <v>10</v>
      </c>
      <c r="N35" s="69" t="s">
        <v>30</v>
      </c>
      <c r="O35" s="71"/>
      <c r="P35" s="70"/>
      <c r="Q35" s="70" t="s">
        <v>10</v>
      </c>
      <c r="R35" s="42" t="s">
        <v>31</v>
      </c>
      <c r="S35" s="70"/>
      <c r="T35" s="70"/>
      <c r="U35" s="70"/>
      <c r="V35" s="42"/>
      <c r="W35" s="72"/>
      <c r="X35" s="73"/>
      <c r="Y35" s="62"/>
      <c r="Z35" s="62"/>
      <c r="AA35" s="62"/>
      <c r="AB35" s="43"/>
      <c r="AC35" s="100"/>
      <c r="AD35" s="62"/>
      <c r="AE35" s="62"/>
      <c r="AF35" s="43"/>
    </row>
    <row r="36" spans="1:32" ht="18.75" customHeight="1">
      <c r="A36" s="26"/>
      <c r="B36" s="27"/>
      <c r="C36" s="28"/>
      <c r="D36" s="29"/>
      <c r="E36" s="32"/>
      <c r="F36" s="44"/>
      <c r="G36" s="43"/>
      <c r="H36" s="108"/>
      <c r="I36" s="41" t="s">
        <v>10</v>
      </c>
      <c r="J36" s="19" t="s">
        <v>32</v>
      </c>
      <c r="K36" s="42"/>
      <c r="L36" s="21"/>
      <c r="M36" s="21" t="s">
        <v>10</v>
      </c>
      <c r="N36" s="19" t="s">
        <v>33</v>
      </c>
      <c r="O36" s="109"/>
      <c r="P36" s="110"/>
      <c r="Q36" s="110" t="s">
        <v>10</v>
      </c>
      <c r="R36" s="19" t="s">
        <v>34</v>
      </c>
      <c r="S36" s="21"/>
      <c r="T36" s="42"/>
      <c r="U36" s="21" t="s">
        <v>10</v>
      </c>
      <c r="V36" s="42" t="s">
        <v>35</v>
      </c>
      <c r="W36" s="111"/>
      <c r="X36" s="112"/>
      <c r="Y36" s="62"/>
      <c r="Z36" s="62"/>
      <c r="AA36" s="62"/>
      <c r="AB36" s="43"/>
      <c r="AC36" s="100"/>
      <c r="AD36" s="62"/>
      <c r="AE36" s="62"/>
      <c r="AF36" s="43"/>
    </row>
    <row r="37" spans="1:32" ht="18.75" customHeight="1">
      <c r="A37" s="26"/>
      <c r="B37" s="27"/>
      <c r="C37" s="28"/>
      <c r="D37" s="29"/>
      <c r="E37" s="32"/>
      <c r="F37" s="44"/>
      <c r="G37" s="43"/>
      <c r="H37" s="45" t="s">
        <v>55</v>
      </c>
      <c r="I37" s="68" t="s">
        <v>10</v>
      </c>
      <c r="J37" s="42" t="s">
        <v>22</v>
      </c>
      <c r="K37" s="69"/>
      <c r="L37" s="70"/>
      <c r="M37" s="70" t="s">
        <v>10</v>
      </c>
      <c r="N37" s="42" t="s">
        <v>30</v>
      </c>
      <c r="O37" s="113"/>
      <c r="P37" s="21"/>
      <c r="Q37" s="21" t="s">
        <v>10</v>
      </c>
      <c r="R37" s="42" t="s">
        <v>31</v>
      </c>
      <c r="S37" s="70"/>
      <c r="T37" s="70"/>
      <c r="U37" s="70"/>
      <c r="V37" s="69"/>
      <c r="W37" s="72"/>
      <c r="X37" s="73"/>
      <c r="Y37" s="62"/>
      <c r="Z37" s="62"/>
      <c r="AA37" s="62"/>
      <c r="AB37" s="43"/>
      <c r="AC37" s="100"/>
      <c r="AD37" s="62"/>
      <c r="AE37" s="62"/>
      <c r="AF37" s="43"/>
    </row>
    <row r="38" spans="1:32" ht="18.75" customHeight="1">
      <c r="A38" s="74"/>
      <c r="B38" s="75"/>
      <c r="C38" s="76"/>
      <c r="D38" s="77"/>
      <c r="E38" s="78"/>
      <c r="F38" s="79"/>
      <c r="G38" s="80"/>
      <c r="H38" s="81"/>
      <c r="I38" s="41" t="s">
        <v>10</v>
      </c>
      <c r="J38" s="82" t="s">
        <v>32</v>
      </c>
      <c r="K38" s="82"/>
      <c r="L38" s="21"/>
      <c r="M38" s="21" t="s">
        <v>10</v>
      </c>
      <c r="N38" s="82" t="s">
        <v>33</v>
      </c>
      <c r="O38" s="83"/>
      <c r="P38" s="84"/>
      <c r="Q38" s="84" t="s">
        <v>10</v>
      </c>
      <c r="R38" s="82" t="s">
        <v>34</v>
      </c>
      <c r="S38" s="84"/>
      <c r="T38" s="82"/>
      <c r="U38" s="84" t="s">
        <v>10</v>
      </c>
      <c r="V38" s="82" t="s">
        <v>35</v>
      </c>
      <c r="W38" s="85"/>
      <c r="X38" s="86"/>
      <c r="Y38" s="87"/>
      <c r="Z38" s="87"/>
      <c r="AA38" s="87"/>
      <c r="AB38" s="88"/>
      <c r="AC38" s="89"/>
      <c r="AD38" s="87"/>
      <c r="AE38" s="87"/>
      <c r="AF38" s="88"/>
    </row>
    <row r="39" spans="1:32" ht="18.75" customHeight="1">
      <c r="A39" s="114" t="s">
        <v>10</v>
      </c>
      <c r="B39" s="115" t="s">
        <v>56</v>
      </c>
      <c r="C39" s="116" t="s">
        <v>57</v>
      </c>
      <c r="D39" s="14"/>
      <c r="E39" s="15"/>
      <c r="F39" s="96"/>
      <c r="G39" s="42"/>
      <c r="H39" s="117" t="s">
        <v>29</v>
      </c>
      <c r="I39" s="114" t="s">
        <v>10</v>
      </c>
      <c r="J39" s="118" t="s">
        <v>22</v>
      </c>
      <c r="K39" s="118"/>
      <c r="L39" s="119" t="s">
        <v>10</v>
      </c>
      <c r="M39" s="118" t="s">
        <v>23</v>
      </c>
      <c r="N39" s="118"/>
      <c r="O39" s="120"/>
      <c r="P39" s="120"/>
      <c r="Q39" s="121"/>
      <c r="R39" s="121"/>
      <c r="S39" s="121"/>
      <c r="T39" s="121"/>
      <c r="U39" s="121"/>
      <c r="V39" s="121"/>
      <c r="W39" s="121"/>
      <c r="X39" s="122"/>
      <c r="Y39" s="23" t="s">
        <v>10</v>
      </c>
      <c r="Z39" s="24" t="s">
        <v>13</v>
      </c>
      <c r="AA39" s="24"/>
      <c r="AB39" s="25"/>
      <c r="AC39" s="23" t="s">
        <v>10</v>
      </c>
      <c r="AD39" s="24" t="s">
        <v>13</v>
      </c>
      <c r="AE39" s="24"/>
      <c r="AF39" s="25"/>
    </row>
    <row r="40" spans="1:32" ht="18.75" customHeight="1">
      <c r="A40" s="123"/>
      <c r="B40" s="124"/>
      <c r="C40" s="82" t="s">
        <v>58</v>
      </c>
      <c r="D40" s="77"/>
      <c r="E40" s="80"/>
      <c r="F40" s="125"/>
      <c r="G40" s="82"/>
      <c r="H40" s="81"/>
      <c r="I40" s="123"/>
      <c r="J40" s="126"/>
      <c r="K40" s="126"/>
      <c r="L40" s="127"/>
      <c r="M40" s="126"/>
      <c r="N40" s="126"/>
      <c r="O40" s="82"/>
      <c r="P40" s="125"/>
      <c r="Q40" s="84"/>
      <c r="R40" s="128"/>
      <c r="S40" s="128"/>
      <c r="T40" s="128"/>
      <c r="U40" s="128"/>
      <c r="V40" s="128"/>
      <c r="W40" s="128"/>
      <c r="X40" s="129"/>
      <c r="Y40" s="130" t="s">
        <v>10</v>
      </c>
      <c r="Z40" s="82" t="s">
        <v>15</v>
      </c>
      <c r="AA40" s="87"/>
      <c r="AB40" s="88"/>
      <c r="AC40" s="130" t="s">
        <v>10</v>
      </c>
      <c r="AD40" s="82" t="s">
        <v>15</v>
      </c>
      <c r="AE40" s="87"/>
      <c r="AF40" s="88"/>
    </row>
    <row r="41" spans="1:32" ht="18.75" customHeight="1">
      <c r="A41" s="42"/>
      <c r="C41" s="42" t="s">
        <v>59</v>
      </c>
      <c r="E41" s="42"/>
      <c r="F41" s="1"/>
      <c r="G41" s="62"/>
      <c r="I41" s="42"/>
      <c r="J41" s="42"/>
      <c r="K41" s="42"/>
      <c r="L41" s="42"/>
      <c r="M41" s="42"/>
      <c r="N41" s="42"/>
      <c r="O41" s="42"/>
      <c r="P41" s="42"/>
      <c r="Y41" s="62"/>
      <c r="Z41" s="62"/>
      <c r="AA41" s="62"/>
      <c r="AB41" s="62"/>
      <c r="AC41" s="62"/>
      <c r="AD41" s="62"/>
      <c r="AE41" s="62"/>
      <c r="AF41" s="62"/>
    </row>
    <row r="42" spans="1:32" ht="18.75" customHeight="1">
      <c r="A42" s="42"/>
      <c r="C42" s="42" t="s">
        <v>60</v>
      </c>
      <c r="E42" s="42"/>
      <c r="F42" s="1"/>
      <c r="G42" s="62"/>
      <c r="I42" s="42"/>
      <c r="J42" s="42"/>
      <c r="K42" s="42"/>
      <c r="L42" s="42"/>
      <c r="M42" s="42"/>
      <c r="N42" s="42"/>
      <c r="O42" s="42"/>
      <c r="P42" s="42"/>
      <c r="Y42" s="62"/>
      <c r="Z42" s="62"/>
      <c r="AA42" s="62"/>
      <c r="AB42" s="62"/>
      <c r="AC42" s="62"/>
      <c r="AD42" s="62"/>
      <c r="AE42" s="62"/>
      <c r="AF42" s="62"/>
    </row>
    <row r="43" spans="1:32" ht="18.75" customHeight="1">
      <c r="A43" s="42"/>
      <c r="C43" s="42" t="s">
        <v>61</v>
      </c>
      <c r="E43" s="42"/>
      <c r="F43" s="1"/>
      <c r="G43" s="62"/>
      <c r="I43" s="42"/>
      <c r="J43" s="42"/>
      <c r="K43" s="42"/>
      <c r="L43" s="42"/>
      <c r="M43" s="42"/>
      <c r="N43" s="42"/>
      <c r="O43" s="42"/>
      <c r="P43" s="42"/>
      <c r="Y43" s="62"/>
      <c r="Z43" s="62"/>
      <c r="AA43" s="62"/>
      <c r="AB43" s="62"/>
      <c r="AC43" s="62"/>
      <c r="AD43" s="62"/>
      <c r="AE43" s="62"/>
      <c r="AF43" s="62"/>
    </row>
    <row r="44" spans="1:32" ht="18.75" customHeight="1">
      <c r="A44" s="42"/>
      <c r="C44" s="42" t="s">
        <v>62</v>
      </c>
      <c r="E44" s="42"/>
      <c r="F44" s="1"/>
      <c r="G44" s="62"/>
      <c r="I44" s="42"/>
      <c r="J44" s="42"/>
      <c r="K44" s="42"/>
      <c r="L44" s="42"/>
      <c r="M44" s="42"/>
      <c r="N44" s="42"/>
      <c r="O44" s="21"/>
      <c r="P44" s="42"/>
      <c r="Y44" s="62"/>
      <c r="Z44" s="62"/>
      <c r="AA44" s="62"/>
      <c r="AB44" s="62"/>
      <c r="AC44" s="62"/>
      <c r="AD44" s="62"/>
      <c r="AE44" s="62"/>
      <c r="AF44" s="62"/>
    </row>
    <row r="45" spans="1:32" ht="18.75" customHeight="1">
      <c r="A45" s="42"/>
      <c r="C45" s="42"/>
      <c r="E45" s="42"/>
      <c r="F45" s="1"/>
      <c r="G45" s="62"/>
      <c r="I45" s="21"/>
      <c r="J45" s="42"/>
      <c r="K45" s="42"/>
      <c r="L45" s="21"/>
      <c r="M45" s="42"/>
      <c r="N45" s="42"/>
      <c r="O45" s="42"/>
      <c r="P45" s="42"/>
      <c r="Y45" s="62"/>
      <c r="Z45" s="62"/>
      <c r="AA45" s="62"/>
      <c r="AB45" s="62"/>
      <c r="AC45" s="62"/>
      <c r="AD45" s="62"/>
      <c r="AE45" s="62"/>
      <c r="AF45" s="62"/>
    </row>
    <row r="46" spans="1:32" ht="18.75" customHeight="1">
      <c r="A46" s="42"/>
      <c r="C46" s="42"/>
      <c r="E46" s="42"/>
      <c r="F46" s="1"/>
      <c r="G46" s="62"/>
      <c r="I46" s="21"/>
      <c r="J46" s="42"/>
      <c r="K46" s="42"/>
      <c r="L46" s="21"/>
      <c r="M46" s="42"/>
      <c r="N46" s="42"/>
      <c r="O46" s="21"/>
      <c r="P46" s="42"/>
      <c r="Y46" s="62"/>
      <c r="Z46" s="62"/>
      <c r="AA46" s="62"/>
      <c r="AB46" s="62"/>
      <c r="AC46" s="62"/>
      <c r="AD46" s="62"/>
      <c r="AE46" s="62"/>
      <c r="AF46" s="62"/>
    </row>
    <row r="49" spans="1:32" ht="20.25" customHeight="1">
      <c r="A49" s="4" t="s">
        <v>63</v>
      </c>
      <c r="B49" s="4"/>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row>
    <row r="51" spans="1:32" ht="30" customHeight="1">
      <c r="J51" s="1"/>
      <c r="K51" s="1"/>
      <c r="L51" s="1"/>
      <c r="M51" s="1"/>
      <c r="N51" s="1"/>
      <c r="O51" s="1"/>
      <c r="P51" s="1"/>
      <c r="Q51" s="1"/>
      <c r="R51" s="1"/>
      <c r="S51" s="5" t="s">
        <v>2</v>
      </c>
      <c r="T51" s="6"/>
      <c r="U51" s="6"/>
      <c r="V51" s="7"/>
      <c r="W51" s="9"/>
      <c r="X51" s="9"/>
      <c r="Y51" s="9"/>
      <c r="Z51" s="9"/>
      <c r="AA51" s="9"/>
      <c r="AB51" s="9"/>
      <c r="AC51" s="9"/>
      <c r="AD51" s="9"/>
      <c r="AE51" s="9"/>
      <c r="AF51" s="10"/>
    </row>
    <row r="53" spans="1:32" ht="17.25" customHeight="1">
      <c r="A53" s="5" t="s">
        <v>3</v>
      </c>
      <c r="B53" s="6"/>
      <c r="C53" s="7"/>
      <c r="D53" s="5" t="s">
        <v>4</v>
      </c>
      <c r="E53" s="7"/>
      <c r="F53" s="5" t="s">
        <v>5</v>
      </c>
      <c r="G53" s="7"/>
      <c r="H53" s="5" t="s">
        <v>6</v>
      </c>
      <c r="I53" s="6"/>
      <c r="J53" s="6"/>
      <c r="K53" s="6"/>
      <c r="L53" s="6"/>
      <c r="M53" s="6"/>
      <c r="N53" s="6"/>
      <c r="O53" s="6"/>
      <c r="P53" s="6"/>
      <c r="Q53" s="6"/>
      <c r="R53" s="6"/>
      <c r="S53" s="6"/>
      <c r="T53" s="6"/>
      <c r="U53" s="6"/>
      <c r="V53" s="6"/>
      <c r="W53" s="6"/>
      <c r="X53" s="6"/>
      <c r="Y53" s="6"/>
      <c r="Z53" s="6"/>
      <c r="AA53" s="6"/>
      <c r="AB53" s="6"/>
      <c r="AC53" s="6"/>
      <c r="AD53" s="6"/>
      <c r="AE53" s="6"/>
      <c r="AF53" s="7"/>
    </row>
    <row r="54" spans="1:32" ht="18.75" customHeight="1">
      <c r="A54" s="11"/>
      <c r="B54" s="12"/>
      <c r="C54" s="13"/>
      <c r="D54" s="16"/>
      <c r="E54" s="15"/>
      <c r="F54" s="16"/>
      <c r="G54" s="15"/>
      <c r="H54" s="17" t="s">
        <v>9</v>
      </c>
      <c r="I54" s="131" t="s">
        <v>10</v>
      </c>
      <c r="J54" s="19" t="s">
        <v>11</v>
      </c>
      <c r="K54" s="19"/>
      <c r="L54" s="19"/>
      <c r="M54" s="1" t="s">
        <v>10</v>
      </c>
      <c r="N54" s="19" t="s">
        <v>12</v>
      </c>
      <c r="O54" s="19"/>
      <c r="P54" s="19"/>
      <c r="Q54" s="19"/>
      <c r="R54" s="19"/>
      <c r="S54" s="19"/>
      <c r="T54" s="19"/>
      <c r="U54" s="19"/>
      <c r="V54" s="19"/>
      <c r="W54" s="19"/>
      <c r="X54" s="19"/>
      <c r="Y54" s="93"/>
      <c r="Z54" s="98"/>
      <c r="AA54" s="98"/>
      <c r="AB54" s="98"/>
      <c r="AC54" s="98"/>
      <c r="AD54" s="98"/>
      <c r="AE54" s="98"/>
      <c r="AF54" s="99"/>
    </row>
    <row r="55" spans="1:32" ht="18.75" customHeight="1">
      <c r="A55" s="26"/>
      <c r="B55" s="27"/>
      <c r="C55" s="28"/>
      <c r="D55" s="29"/>
      <c r="E55" s="30"/>
      <c r="F55" s="132"/>
      <c r="G55" s="32"/>
      <c r="H55" s="33" t="s">
        <v>14</v>
      </c>
      <c r="I55" s="34" t="s">
        <v>10</v>
      </c>
      <c r="J55" s="35" t="s">
        <v>11</v>
      </c>
      <c r="K55" s="36"/>
      <c r="L55" s="37"/>
      <c r="M55" s="38" t="s">
        <v>10</v>
      </c>
      <c r="N55" s="35" t="s">
        <v>12</v>
      </c>
      <c r="O55" s="38"/>
      <c r="P55" s="133"/>
      <c r="Q55" s="133"/>
      <c r="R55" s="133"/>
      <c r="S55" s="133"/>
      <c r="T55" s="133"/>
      <c r="U55" s="133"/>
      <c r="V55" s="133"/>
      <c r="W55" s="133"/>
      <c r="X55" s="133"/>
      <c r="Y55" s="64"/>
      <c r="Z55" s="64"/>
      <c r="AA55" s="64"/>
      <c r="AB55" s="64"/>
      <c r="AC55" s="64"/>
      <c r="AD55" s="64"/>
      <c r="AE55" s="64"/>
      <c r="AF55" s="40"/>
    </row>
    <row r="56" spans="1:32" ht="18.75" customHeight="1">
      <c r="A56" s="26"/>
      <c r="B56" s="27"/>
      <c r="C56" s="28"/>
      <c r="D56" s="44"/>
      <c r="E56" s="32"/>
      <c r="F56" s="44"/>
      <c r="G56" s="32"/>
      <c r="H56" s="45" t="s">
        <v>16</v>
      </c>
      <c r="I56" s="134" t="s">
        <v>10</v>
      </c>
      <c r="J56" s="47" t="s">
        <v>17</v>
      </c>
      <c r="K56" s="47"/>
      <c r="L56" s="47"/>
      <c r="M56" s="59" t="s">
        <v>10</v>
      </c>
      <c r="N56" s="47" t="s">
        <v>18</v>
      </c>
      <c r="O56" s="47"/>
      <c r="P56" s="47"/>
      <c r="Q56" s="135"/>
      <c r="R56" s="135"/>
      <c r="S56" s="135"/>
      <c r="T56" s="135"/>
      <c r="U56" s="42"/>
      <c r="V56" s="42"/>
      <c r="W56" s="42"/>
      <c r="X56" s="42"/>
      <c r="Y56" s="136"/>
      <c r="AF56" s="103"/>
    </row>
    <row r="57" spans="1:32" ht="18.75" customHeight="1">
      <c r="A57" s="26"/>
      <c r="B57" s="27"/>
      <c r="C57" s="28"/>
      <c r="D57" s="44"/>
      <c r="E57" s="32"/>
      <c r="F57" s="44"/>
      <c r="G57" s="32"/>
      <c r="H57" s="51"/>
      <c r="I57" s="137"/>
      <c r="J57" s="53"/>
      <c r="K57" s="53"/>
      <c r="L57" s="53"/>
      <c r="M57" s="63"/>
      <c r="N57" s="53"/>
      <c r="O57" s="53"/>
      <c r="P57" s="53"/>
      <c r="Q57" s="138"/>
      <c r="R57" s="138"/>
      <c r="S57" s="138"/>
      <c r="T57" s="138"/>
      <c r="U57" s="19"/>
      <c r="V57" s="19"/>
      <c r="W57" s="19"/>
      <c r="X57" s="19"/>
      <c r="Y57" s="98"/>
      <c r="Z57" s="98"/>
      <c r="AA57" s="98"/>
      <c r="AB57" s="98"/>
      <c r="AC57" s="98"/>
      <c r="AD57" s="98"/>
      <c r="AE57" s="98"/>
      <c r="AF57" s="99"/>
    </row>
    <row r="58" spans="1:32" ht="18.75" customHeight="1">
      <c r="A58" s="26"/>
      <c r="B58" s="27"/>
      <c r="C58" s="28"/>
      <c r="D58" s="44"/>
      <c r="E58" s="32"/>
      <c r="F58" s="44"/>
      <c r="G58" s="32"/>
      <c r="H58" s="45" t="s">
        <v>19</v>
      </c>
      <c r="I58" s="134" t="s">
        <v>10</v>
      </c>
      <c r="J58" s="47" t="s">
        <v>17</v>
      </c>
      <c r="K58" s="47"/>
      <c r="L58" s="47"/>
      <c r="M58" s="59" t="s">
        <v>10</v>
      </c>
      <c r="N58" s="47" t="s">
        <v>18</v>
      </c>
      <c r="O58" s="47"/>
      <c r="P58" s="47"/>
      <c r="Q58" s="135"/>
      <c r="R58" s="135"/>
      <c r="S58" s="135"/>
      <c r="T58" s="135"/>
      <c r="U58" s="42"/>
      <c r="V58" s="42"/>
      <c r="W58" s="42"/>
      <c r="X58" s="42"/>
      <c r="Y58" s="136"/>
      <c r="AF58" s="103"/>
    </row>
    <row r="59" spans="1:32" ht="18.75" customHeight="1">
      <c r="A59" s="26"/>
      <c r="B59" s="27"/>
      <c r="C59" s="28"/>
      <c r="D59" s="44"/>
      <c r="E59" s="32"/>
      <c r="F59" s="44"/>
      <c r="G59" s="32"/>
      <c r="H59" s="51"/>
      <c r="I59" s="137"/>
      <c r="J59" s="53"/>
      <c r="K59" s="53"/>
      <c r="L59" s="53"/>
      <c r="M59" s="63"/>
      <c r="N59" s="53"/>
      <c r="O59" s="53"/>
      <c r="P59" s="53"/>
      <c r="Q59" s="138"/>
      <c r="R59" s="138"/>
      <c r="S59" s="138"/>
      <c r="T59" s="138"/>
      <c r="U59" s="19"/>
      <c r="V59" s="19"/>
      <c r="W59" s="19"/>
      <c r="X59" s="19"/>
      <c r="Y59" s="98"/>
      <c r="Z59" s="98"/>
      <c r="AA59" s="98"/>
      <c r="AB59" s="98"/>
      <c r="AC59" s="98"/>
      <c r="AD59" s="98"/>
      <c r="AE59" s="98"/>
      <c r="AF59" s="99"/>
    </row>
    <row r="60" spans="1:32" ht="18.75" customHeight="1">
      <c r="A60" s="41" t="s">
        <v>10</v>
      </c>
      <c r="B60" s="27" t="s">
        <v>24</v>
      </c>
      <c r="C60" s="28" t="s">
        <v>25</v>
      </c>
      <c r="D60" s="44"/>
      <c r="E60" s="32"/>
      <c r="F60" s="44"/>
      <c r="G60" s="32"/>
      <c r="H60" s="45" t="s">
        <v>20</v>
      </c>
      <c r="I60" s="134" t="s">
        <v>10</v>
      </c>
      <c r="J60" s="47" t="s">
        <v>17</v>
      </c>
      <c r="K60" s="47"/>
      <c r="L60" s="47"/>
      <c r="M60" s="59" t="s">
        <v>10</v>
      </c>
      <c r="N60" s="47" t="s">
        <v>18</v>
      </c>
      <c r="O60" s="47"/>
      <c r="P60" s="47"/>
      <c r="Q60" s="135"/>
      <c r="R60" s="135"/>
      <c r="S60" s="135"/>
      <c r="T60" s="135"/>
      <c r="U60" s="42"/>
      <c r="V60" s="42"/>
      <c r="W60" s="42"/>
      <c r="X60" s="42"/>
      <c r="Y60" s="136"/>
      <c r="AF60" s="103"/>
    </row>
    <row r="61" spans="1:32" ht="18.75" customHeight="1">
      <c r="A61" s="26"/>
      <c r="B61" s="27"/>
      <c r="C61" s="28"/>
      <c r="D61" s="44"/>
      <c r="E61" s="32"/>
      <c r="F61" s="44"/>
      <c r="G61" s="32"/>
      <c r="H61" s="51"/>
      <c r="I61" s="137"/>
      <c r="J61" s="53"/>
      <c r="K61" s="53"/>
      <c r="L61" s="53"/>
      <c r="M61" s="63"/>
      <c r="N61" s="53"/>
      <c r="O61" s="53"/>
      <c r="P61" s="53"/>
      <c r="Q61" s="138"/>
      <c r="R61" s="138"/>
      <c r="S61" s="138"/>
      <c r="T61" s="138"/>
      <c r="U61" s="19"/>
      <c r="V61" s="19"/>
      <c r="W61" s="19"/>
      <c r="X61" s="19"/>
      <c r="Y61" s="98"/>
      <c r="Z61" s="98"/>
      <c r="AA61" s="98"/>
      <c r="AB61" s="98"/>
      <c r="AC61" s="98"/>
      <c r="AD61" s="98"/>
      <c r="AE61" s="98"/>
      <c r="AF61" s="99"/>
    </row>
    <row r="62" spans="1:32" ht="18.75" customHeight="1">
      <c r="A62" s="44"/>
      <c r="C62" s="28"/>
      <c r="D62" s="44"/>
      <c r="E62" s="32"/>
      <c r="F62" s="44"/>
      <c r="G62" s="32"/>
      <c r="H62" s="139" t="s">
        <v>21</v>
      </c>
      <c r="I62" s="1" t="s">
        <v>10</v>
      </c>
      <c r="J62" s="42" t="s">
        <v>22</v>
      </c>
      <c r="K62" s="42"/>
      <c r="L62" s="1" t="s">
        <v>10</v>
      </c>
      <c r="M62" s="42" t="s">
        <v>23</v>
      </c>
      <c r="N62" s="42"/>
      <c r="AF62" s="103"/>
    </row>
    <row r="63" spans="1:32" ht="18.75" customHeight="1">
      <c r="A63" s="26"/>
      <c r="B63" s="27"/>
      <c r="C63" s="28"/>
      <c r="D63" s="44"/>
      <c r="E63" s="32"/>
      <c r="F63" s="44"/>
      <c r="G63" s="32"/>
      <c r="H63" s="45" t="s">
        <v>26</v>
      </c>
      <c r="I63" s="59" t="s">
        <v>10</v>
      </c>
      <c r="J63" s="47" t="s">
        <v>64</v>
      </c>
      <c r="K63" s="47"/>
      <c r="L63" s="47"/>
      <c r="M63" s="59" t="s">
        <v>10</v>
      </c>
      <c r="N63" s="47" t="s">
        <v>65</v>
      </c>
      <c r="O63" s="47"/>
      <c r="P63" s="47"/>
      <c r="Q63" s="136"/>
      <c r="R63" s="136"/>
      <c r="S63" s="136"/>
      <c r="T63" s="136"/>
      <c r="U63" s="136"/>
      <c r="V63" s="136"/>
      <c r="W63" s="136"/>
      <c r="X63" s="136"/>
      <c r="Y63" s="136"/>
      <c r="Z63" s="136"/>
      <c r="AA63" s="136"/>
      <c r="AB63" s="136"/>
      <c r="AC63" s="136"/>
      <c r="AD63" s="136"/>
      <c r="AE63" s="136"/>
      <c r="AF63" s="140"/>
    </row>
    <row r="64" spans="1:32" ht="18.75" customHeight="1">
      <c r="A64" s="44"/>
      <c r="C64" s="28"/>
      <c r="D64" s="44"/>
      <c r="E64" s="32"/>
      <c r="F64" s="44"/>
      <c r="G64" s="32"/>
      <c r="H64" s="51"/>
      <c r="I64" s="63"/>
      <c r="J64" s="53"/>
      <c r="K64" s="53"/>
      <c r="L64" s="53"/>
      <c r="M64" s="63"/>
      <c r="N64" s="53"/>
      <c r="O64" s="53"/>
      <c r="P64" s="53"/>
      <c r="Q64" s="98"/>
      <c r="R64" s="98"/>
      <c r="S64" s="98"/>
      <c r="T64" s="98"/>
      <c r="U64" s="98"/>
      <c r="V64" s="98"/>
      <c r="W64" s="98"/>
      <c r="X64" s="98"/>
      <c r="Y64" s="98"/>
      <c r="Z64" s="98"/>
      <c r="AA64" s="98"/>
      <c r="AB64" s="98"/>
      <c r="AC64" s="98"/>
      <c r="AD64" s="98"/>
      <c r="AE64" s="98"/>
      <c r="AF64" s="99"/>
    </row>
    <row r="65" spans="1:32" ht="18.75" customHeight="1">
      <c r="A65" s="26"/>
      <c r="B65" s="27"/>
      <c r="C65" s="28"/>
      <c r="D65" s="44"/>
      <c r="E65" s="32"/>
      <c r="F65" s="44"/>
      <c r="G65" s="32"/>
      <c r="H65" s="45" t="s">
        <v>27</v>
      </c>
      <c r="I65" s="59" t="s">
        <v>10</v>
      </c>
      <c r="J65" s="47" t="s">
        <v>64</v>
      </c>
      <c r="K65" s="47"/>
      <c r="L65" s="47"/>
      <c r="M65" s="59" t="s">
        <v>10</v>
      </c>
      <c r="N65" s="47" t="s">
        <v>65</v>
      </c>
      <c r="O65" s="47"/>
      <c r="P65" s="47"/>
      <c r="Q65" s="136"/>
      <c r="R65" s="136"/>
      <c r="S65" s="136"/>
      <c r="T65" s="136"/>
      <c r="U65" s="136"/>
      <c r="V65" s="136"/>
      <c r="W65" s="136"/>
      <c r="X65" s="136"/>
      <c r="Y65" s="136"/>
      <c r="Z65" s="136"/>
      <c r="AA65" s="136"/>
      <c r="AB65" s="136"/>
      <c r="AC65" s="136"/>
      <c r="AD65" s="136"/>
      <c r="AE65" s="136"/>
      <c r="AF65" s="140"/>
    </row>
    <row r="66" spans="1:32" ht="18.75" customHeight="1">
      <c r="A66" s="26"/>
      <c r="B66" s="27"/>
      <c r="C66" s="28"/>
      <c r="D66" s="44"/>
      <c r="E66" s="32"/>
      <c r="F66" s="44"/>
      <c r="G66" s="32"/>
      <c r="H66" s="108"/>
      <c r="I66" s="63"/>
      <c r="J66" s="53"/>
      <c r="K66" s="53"/>
      <c r="L66" s="53"/>
      <c r="M66" s="63"/>
      <c r="N66" s="53"/>
      <c r="O66" s="53"/>
      <c r="P66" s="53"/>
      <c r="Q66" s="98"/>
      <c r="R66" s="98"/>
      <c r="S66" s="98"/>
      <c r="T66" s="98"/>
      <c r="U66" s="98"/>
      <c r="V66" s="98"/>
      <c r="W66" s="98"/>
      <c r="X66" s="98"/>
      <c r="Y66" s="98"/>
      <c r="Z66" s="98"/>
      <c r="AA66" s="98"/>
      <c r="AB66" s="98"/>
      <c r="AC66" s="98"/>
      <c r="AD66" s="98"/>
      <c r="AE66" s="98"/>
      <c r="AF66" s="99"/>
    </row>
    <row r="67" spans="1:32" ht="18.75" customHeight="1">
      <c r="A67" s="26"/>
      <c r="B67" s="75"/>
      <c r="C67" s="76"/>
      <c r="D67" s="77"/>
      <c r="E67" s="32"/>
      <c r="F67" s="141"/>
      <c r="G67" s="32"/>
      <c r="H67" s="142" t="s">
        <v>28</v>
      </c>
      <c r="I67" s="143" t="s">
        <v>10</v>
      </c>
      <c r="J67" s="35" t="s">
        <v>22</v>
      </c>
      <c r="K67" s="35"/>
      <c r="L67" s="106" t="s">
        <v>10</v>
      </c>
      <c r="M67" s="35" t="s">
        <v>23</v>
      </c>
      <c r="N67" s="35"/>
      <c r="O67" s="97"/>
      <c r="P67" s="35"/>
      <c r="Q67" s="98"/>
      <c r="R67" s="98"/>
      <c r="S67" s="98"/>
      <c r="T67" s="98"/>
      <c r="U67" s="98"/>
      <c r="V67" s="98"/>
      <c r="W67" s="98"/>
      <c r="X67" s="98"/>
      <c r="Y67" s="144"/>
      <c r="Z67" s="62"/>
      <c r="AA67" s="62"/>
      <c r="AB67" s="62"/>
      <c r="AC67" s="144"/>
      <c r="AD67" s="62"/>
      <c r="AE67" s="62"/>
      <c r="AF67" s="43"/>
    </row>
    <row r="68" spans="1:32" ht="18.75" customHeight="1">
      <c r="A68" s="11"/>
      <c r="B68" s="12"/>
      <c r="C68" s="13"/>
      <c r="D68" s="14"/>
      <c r="E68" s="15"/>
      <c r="F68" s="16"/>
      <c r="G68" s="25"/>
      <c r="H68" s="90" t="s">
        <v>36</v>
      </c>
      <c r="I68" s="131" t="s">
        <v>10</v>
      </c>
      <c r="J68" s="91" t="s">
        <v>22</v>
      </c>
      <c r="K68" s="91"/>
      <c r="L68" s="92"/>
      <c r="M68" s="145" t="s">
        <v>10</v>
      </c>
      <c r="N68" s="91" t="s">
        <v>37</v>
      </c>
      <c r="O68" s="91"/>
      <c r="P68" s="92"/>
      <c r="Q68" s="145" t="s">
        <v>10</v>
      </c>
      <c r="R68" s="93" t="s">
        <v>38</v>
      </c>
      <c r="S68" s="93"/>
      <c r="T68" s="93"/>
      <c r="U68" s="93"/>
      <c r="V68" s="91"/>
      <c r="W68" s="91"/>
      <c r="X68" s="91"/>
      <c r="Y68" s="91"/>
      <c r="Z68" s="91"/>
      <c r="AA68" s="91"/>
      <c r="AB68" s="91"/>
      <c r="AC68" s="91"/>
      <c r="AD68" s="91"/>
      <c r="AE68" s="91"/>
      <c r="AF68" s="146"/>
    </row>
    <row r="69" spans="1:32" ht="18.75" customHeight="1">
      <c r="A69" s="26"/>
      <c r="B69" s="27"/>
      <c r="C69" s="28"/>
      <c r="D69" s="29"/>
      <c r="E69" s="32"/>
      <c r="F69" s="44"/>
      <c r="G69" s="43"/>
      <c r="H69" s="95" t="s">
        <v>9</v>
      </c>
      <c r="I69" s="1" t="s">
        <v>10</v>
      </c>
      <c r="J69" s="42" t="s">
        <v>11</v>
      </c>
      <c r="K69" s="42"/>
      <c r="L69" s="96"/>
      <c r="M69" s="1" t="s">
        <v>10</v>
      </c>
      <c r="N69" s="42" t="s">
        <v>12</v>
      </c>
      <c r="O69" s="42"/>
      <c r="P69" s="37"/>
      <c r="Q69" s="106"/>
      <c r="R69" s="97"/>
      <c r="S69" s="98"/>
      <c r="T69" s="98"/>
      <c r="U69" s="98"/>
      <c r="V69" s="98"/>
      <c r="W69" s="98"/>
      <c r="X69" s="98"/>
      <c r="Y69" s="97"/>
      <c r="Z69" s="35"/>
      <c r="AA69" s="35"/>
      <c r="AB69" s="147"/>
      <c r="AC69" s="147"/>
      <c r="AD69" s="35"/>
      <c r="AE69" s="35"/>
      <c r="AF69" s="148"/>
    </row>
    <row r="70" spans="1:32" ht="18.75" customHeight="1">
      <c r="A70" s="26"/>
      <c r="B70" s="27"/>
      <c r="C70" s="28"/>
      <c r="D70" s="29"/>
      <c r="E70" s="32"/>
      <c r="F70" s="44"/>
      <c r="G70" s="43"/>
      <c r="H70" s="33" t="s">
        <v>14</v>
      </c>
      <c r="I70" s="143" t="s">
        <v>10</v>
      </c>
      <c r="J70" s="35" t="s">
        <v>11</v>
      </c>
      <c r="K70" s="35"/>
      <c r="L70" s="37"/>
      <c r="M70" s="106" t="s">
        <v>10</v>
      </c>
      <c r="N70" s="35" t="s">
        <v>12</v>
      </c>
      <c r="O70" s="106"/>
      <c r="P70" s="96"/>
      <c r="Q70" s="1"/>
      <c r="S70" s="98"/>
      <c r="T70" s="98"/>
      <c r="U70" s="98"/>
      <c r="V70" s="98"/>
      <c r="W70" s="98"/>
      <c r="X70" s="97"/>
      <c r="Z70" s="42"/>
      <c r="AA70" s="42"/>
      <c r="AB70" s="62"/>
      <c r="AC70" s="149"/>
      <c r="AD70" s="42"/>
      <c r="AE70" s="42"/>
      <c r="AF70" s="43"/>
    </row>
    <row r="71" spans="1:32" ht="18.75" customHeight="1">
      <c r="A71" s="26"/>
      <c r="B71" s="27"/>
      <c r="C71" s="28"/>
      <c r="D71" s="29"/>
      <c r="E71" s="32"/>
      <c r="F71" s="44"/>
      <c r="G71" s="43"/>
      <c r="H71" s="101" t="s">
        <v>39</v>
      </c>
      <c r="I71" s="143" t="s">
        <v>10</v>
      </c>
      <c r="J71" s="35" t="s">
        <v>22</v>
      </c>
      <c r="K71" s="35"/>
      <c r="L71" s="106" t="s">
        <v>10</v>
      </c>
      <c r="M71" s="35" t="s">
        <v>23</v>
      </c>
      <c r="N71" s="97"/>
      <c r="O71" s="35"/>
      <c r="P71" s="35"/>
      <c r="Q71" s="35"/>
      <c r="R71" s="35"/>
      <c r="S71" s="35"/>
      <c r="T71" s="35"/>
      <c r="U71" s="35"/>
      <c r="V71" s="35"/>
      <c r="W71" s="35"/>
      <c r="X71" s="35"/>
      <c r="Y71" s="35"/>
      <c r="Z71" s="35"/>
      <c r="AA71" s="35"/>
      <c r="AB71" s="35"/>
      <c r="AC71" s="35"/>
      <c r="AD71" s="35"/>
      <c r="AE71" s="35"/>
      <c r="AF71" s="58"/>
    </row>
    <row r="72" spans="1:32" ht="18.75" customHeight="1">
      <c r="A72" s="41" t="s">
        <v>10</v>
      </c>
      <c r="B72" s="27" t="s">
        <v>42</v>
      </c>
      <c r="C72" s="28" t="s">
        <v>66</v>
      </c>
      <c r="D72" s="29"/>
      <c r="E72" s="32"/>
      <c r="F72" s="44"/>
      <c r="G72" s="43"/>
      <c r="H72" s="104" t="s">
        <v>40</v>
      </c>
      <c r="I72" s="143" t="s">
        <v>10</v>
      </c>
      <c r="J72" s="35" t="s">
        <v>22</v>
      </c>
      <c r="K72" s="35"/>
      <c r="L72" s="106" t="s">
        <v>10</v>
      </c>
      <c r="M72" s="35" t="s">
        <v>23</v>
      </c>
      <c r="N72" s="97"/>
      <c r="O72" s="35"/>
      <c r="P72" s="35"/>
      <c r="Q72" s="35"/>
      <c r="R72" s="35"/>
      <c r="S72" s="35"/>
      <c r="T72" s="35"/>
      <c r="U72" s="35"/>
      <c r="V72" s="35"/>
      <c r="W72" s="35"/>
      <c r="X72" s="35"/>
      <c r="Y72" s="35"/>
      <c r="Z72" s="35"/>
      <c r="AA72" s="35"/>
      <c r="AB72" s="35"/>
      <c r="AC72" s="35"/>
      <c r="AD72" s="35"/>
      <c r="AE72" s="35"/>
      <c r="AF72" s="58"/>
    </row>
    <row r="73" spans="1:32" ht="18.75" customHeight="1">
      <c r="A73" s="26"/>
      <c r="B73" s="27"/>
      <c r="C73" s="28"/>
      <c r="D73" s="29"/>
      <c r="E73" s="32"/>
      <c r="F73" s="44"/>
      <c r="G73" s="43"/>
      <c r="H73" s="101" t="s">
        <v>67</v>
      </c>
      <c r="I73" s="143" t="s">
        <v>10</v>
      </c>
      <c r="J73" s="35" t="s">
        <v>22</v>
      </c>
      <c r="K73" s="35"/>
      <c r="L73" s="106" t="s">
        <v>10</v>
      </c>
      <c r="M73" s="35" t="s">
        <v>23</v>
      </c>
      <c r="N73" s="97"/>
      <c r="O73" s="35"/>
      <c r="P73" s="35"/>
      <c r="Q73" s="35"/>
      <c r="R73" s="35"/>
      <c r="S73" s="35"/>
      <c r="T73" s="35"/>
      <c r="U73" s="35"/>
      <c r="V73" s="35"/>
      <c r="W73" s="35"/>
      <c r="X73" s="35"/>
      <c r="Y73" s="35"/>
      <c r="Z73" s="35"/>
      <c r="AA73" s="35"/>
      <c r="AB73" s="35"/>
      <c r="AC73" s="35"/>
      <c r="AD73" s="35"/>
      <c r="AE73" s="35"/>
      <c r="AF73" s="58"/>
    </row>
    <row r="74" spans="1:32" ht="18.75" customHeight="1">
      <c r="A74" s="26"/>
      <c r="B74" s="27"/>
      <c r="C74" s="28"/>
      <c r="D74" s="29"/>
      <c r="E74" s="32"/>
      <c r="F74" s="44"/>
      <c r="G74" s="43"/>
      <c r="H74" s="107" t="s">
        <v>44</v>
      </c>
      <c r="I74" s="143" t="s">
        <v>10</v>
      </c>
      <c r="J74" s="35" t="s">
        <v>22</v>
      </c>
      <c r="K74" s="35"/>
      <c r="L74" s="106" t="s">
        <v>10</v>
      </c>
      <c r="M74" s="35" t="s">
        <v>23</v>
      </c>
      <c r="N74" s="97"/>
      <c r="O74" s="35"/>
      <c r="P74" s="35"/>
      <c r="Q74" s="35"/>
      <c r="R74" s="35"/>
      <c r="S74" s="35"/>
      <c r="T74" s="35"/>
      <c r="U74" s="35"/>
      <c r="V74" s="35"/>
      <c r="W74" s="35"/>
      <c r="X74" s="35"/>
      <c r="Y74" s="35"/>
      <c r="Z74" s="35"/>
      <c r="AA74" s="35"/>
      <c r="AB74" s="35"/>
      <c r="AC74" s="35"/>
      <c r="AD74" s="35"/>
      <c r="AE74" s="35"/>
      <c r="AF74" s="58"/>
    </row>
    <row r="75" spans="1:32" ht="18.75" customHeight="1">
      <c r="A75" s="26"/>
      <c r="B75" s="27"/>
      <c r="C75" s="28"/>
      <c r="D75" s="29"/>
      <c r="E75" s="32"/>
      <c r="F75" s="44"/>
      <c r="G75" s="43"/>
      <c r="H75" s="107" t="s">
        <v>50</v>
      </c>
      <c r="I75" s="143" t="s">
        <v>10</v>
      </c>
      <c r="J75" s="35" t="s">
        <v>22</v>
      </c>
      <c r="K75" s="35"/>
      <c r="L75" s="106" t="s">
        <v>10</v>
      </c>
      <c r="M75" s="35" t="s">
        <v>51</v>
      </c>
      <c r="N75" s="35"/>
      <c r="O75" s="106" t="s">
        <v>10</v>
      </c>
      <c r="P75" s="35" t="s">
        <v>52</v>
      </c>
      <c r="Q75" s="97"/>
      <c r="R75" s="97"/>
      <c r="S75" s="97"/>
      <c r="T75" s="35"/>
      <c r="U75" s="35"/>
      <c r="V75" s="35"/>
      <c r="W75" s="35"/>
      <c r="X75" s="35"/>
      <c r="Y75" s="35"/>
      <c r="Z75" s="35"/>
      <c r="AA75" s="35"/>
      <c r="AB75" s="35"/>
      <c r="AC75" s="35"/>
      <c r="AD75" s="35"/>
      <c r="AE75" s="35"/>
      <c r="AF75" s="58"/>
    </row>
    <row r="76" spans="1:32" ht="18.75" customHeight="1">
      <c r="A76" s="74"/>
      <c r="B76" s="75"/>
      <c r="C76" s="76"/>
      <c r="D76" s="77"/>
      <c r="E76" s="80"/>
      <c r="F76" s="141"/>
      <c r="G76" s="88"/>
      <c r="H76" s="150" t="s">
        <v>53</v>
      </c>
      <c r="I76" s="151" t="s">
        <v>10</v>
      </c>
      <c r="J76" s="57" t="s">
        <v>22</v>
      </c>
      <c r="K76" s="57"/>
      <c r="L76" s="152" t="s">
        <v>10</v>
      </c>
      <c r="M76" s="57" t="s">
        <v>23</v>
      </c>
      <c r="N76" s="153"/>
      <c r="O76" s="57"/>
      <c r="P76" s="57"/>
      <c r="Q76" s="57"/>
      <c r="R76" s="57"/>
      <c r="S76" s="57"/>
      <c r="T76" s="57"/>
      <c r="U76" s="57"/>
      <c r="V76" s="57"/>
      <c r="W76" s="57"/>
      <c r="X76" s="57"/>
      <c r="Y76" s="57"/>
      <c r="Z76" s="57"/>
      <c r="AA76" s="57"/>
      <c r="AB76" s="57"/>
      <c r="AC76" s="57"/>
      <c r="AD76" s="57"/>
      <c r="AE76" s="57"/>
      <c r="AF76" s="154"/>
    </row>
    <row r="77" spans="1:32" ht="8.25" customHeight="1">
      <c r="A77" s="155"/>
      <c r="B77" s="155"/>
      <c r="G77" s="42"/>
      <c r="H77" s="42"/>
      <c r="I77" s="42"/>
      <c r="J77" s="42"/>
      <c r="K77" s="42"/>
      <c r="L77" s="42"/>
      <c r="M77" s="42"/>
      <c r="N77" s="42"/>
      <c r="O77" s="42"/>
      <c r="P77" s="42"/>
      <c r="Q77" s="42"/>
      <c r="R77" s="42"/>
      <c r="S77" s="42"/>
      <c r="T77" s="42"/>
      <c r="U77" s="42"/>
      <c r="V77" s="42"/>
      <c r="W77" s="42"/>
      <c r="X77" s="42"/>
      <c r="Y77" s="42"/>
      <c r="Z77" s="42"/>
      <c r="AA77" s="42"/>
      <c r="AB77" s="42"/>
    </row>
    <row r="78" spans="1:32" ht="20.25" customHeight="1">
      <c r="A78" s="156"/>
      <c r="B78" s="156"/>
      <c r="C78" s="42" t="s">
        <v>68</v>
      </c>
      <c r="D78" s="42"/>
      <c r="E78" s="155"/>
      <c r="F78" s="155"/>
      <c r="G78" s="155"/>
      <c r="H78" s="155"/>
      <c r="I78" s="155"/>
      <c r="J78" s="155"/>
      <c r="K78" s="155"/>
      <c r="L78" s="155"/>
      <c r="M78" s="155"/>
      <c r="N78" s="155"/>
      <c r="O78" s="155"/>
      <c r="P78" s="155"/>
      <c r="Q78" s="155"/>
      <c r="R78" s="155"/>
      <c r="S78" s="155"/>
      <c r="T78" s="155"/>
      <c r="U78" s="155"/>
      <c r="V78" s="155"/>
    </row>
    <row r="105" spans="12:12" ht="20.25" customHeight="1">
      <c r="L105" s="98"/>
    </row>
  </sheetData>
  <mergeCells count="98">
    <mergeCell ref="H65:H66"/>
    <mergeCell ref="I65:I66"/>
    <mergeCell ref="J65:L66"/>
    <mergeCell ref="M65:M66"/>
    <mergeCell ref="N65:P66"/>
    <mergeCell ref="T60:T61"/>
    <mergeCell ref="H63:H64"/>
    <mergeCell ref="I63:I64"/>
    <mergeCell ref="J63:L64"/>
    <mergeCell ref="M63:M64"/>
    <mergeCell ref="N63:P64"/>
    <mergeCell ref="S58:S59"/>
    <mergeCell ref="T58:T59"/>
    <mergeCell ref="H60:H61"/>
    <mergeCell ref="I60:I61"/>
    <mergeCell ref="J60:L61"/>
    <mergeCell ref="M60:M61"/>
    <mergeCell ref="N60:P61"/>
    <mergeCell ref="Q60:Q61"/>
    <mergeCell ref="R60:R61"/>
    <mergeCell ref="S60:S61"/>
    <mergeCell ref="R56:R57"/>
    <mergeCell ref="S56:S57"/>
    <mergeCell ref="T56:T57"/>
    <mergeCell ref="H58:H59"/>
    <mergeCell ref="I58:I59"/>
    <mergeCell ref="J58:L59"/>
    <mergeCell ref="M58:M59"/>
    <mergeCell ref="N58:P59"/>
    <mergeCell ref="Q58:Q59"/>
    <mergeCell ref="R58:R59"/>
    <mergeCell ref="H56:H57"/>
    <mergeCell ref="I56:I57"/>
    <mergeCell ref="J56:L57"/>
    <mergeCell ref="M56:M57"/>
    <mergeCell ref="N56:P57"/>
    <mergeCell ref="Q56:Q57"/>
    <mergeCell ref="J39:K40"/>
    <mergeCell ref="L39:L40"/>
    <mergeCell ref="M39:N40"/>
    <mergeCell ref="A49:AF49"/>
    <mergeCell ref="S51:V51"/>
    <mergeCell ref="A53:C53"/>
    <mergeCell ref="D53:E53"/>
    <mergeCell ref="F53:G53"/>
    <mergeCell ref="H53:AF53"/>
    <mergeCell ref="H35:H36"/>
    <mergeCell ref="H37:H38"/>
    <mergeCell ref="A39:A40"/>
    <mergeCell ref="B39:B40"/>
    <mergeCell ref="H39:H40"/>
    <mergeCell ref="I39:I40"/>
    <mergeCell ref="H19:H20"/>
    <mergeCell ref="I19:I20"/>
    <mergeCell ref="J19:L20"/>
    <mergeCell ref="M19:M20"/>
    <mergeCell ref="N19:P20"/>
    <mergeCell ref="H22:H23"/>
    <mergeCell ref="T14:T15"/>
    <mergeCell ref="H17:H18"/>
    <mergeCell ref="I17:I18"/>
    <mergeCell ref="J17:L18"/>
    <mergeCell ref="M17:M18"/>
    <mergeCell ref="N17:P18"/>
    <mergeCell ref="S12:S13"/>
    <mergeCell ref="T12:T13"/>
    <mergeCell ref="H14:H15"/>
    <mergeCell ref="I14:I15"/>
    <mergeCell ref="J14:L15"/>
    <mergeCell ref="M14:M15"/>
    <mergeCell ref="N14:P15"/>
    <mergeCell ref="Q14:Q15"/>
    <mergeCell ref="R14:R15"/>
    <mergeCell ref="S14:S15"/>
    <mergeCell ref="R10:R11"/>
    <mergeCell ref="S10:S11"/>
    <mergeCell ref="T10:T11"/>
    <mergeCell ref="H12:H13"/>
    <mergeCell ref="I12:I13"/>
    <mergeCell ref="J12:L13"/>
    <mergeCell ref="M12:M13"/>
    <mergeCell ref="N12:P13"/>
    <mergeCell ref="Q12:Q13"/>
    <mergeCell ref="R12:R13"/>
    <mergeCell ref="H10:H11"/>
    <mergeCell ref="I10:I11"/>
    <mergeCell ref="J10:L11"/>
    <mergeCell ref="M10:M11"/>
    <mergeCell ref="N10:P11"/>
    <mergeCell ref="Q10:Q11"/>
    <mergeCell ref="A3:AF3"/>
    <mergeCell ref="S5:V5"/>
    <mergeCell ref="A7:C7"/>
    <mergeCell ref="D7:E7"/>
    <mergeCell ref="F7:G7"/>
    <mergeCell ref="H7:X7"/>
    <mergeCell ref="Y7:AB7"/>
    <mergeCell ref="AC7:AF7"/>
  </mergeCells>
  <phoneticPr fontId="2"/>
  <printOptions horizontalCentered="1"/>
  <pageMargins left="0.23622047244094491" right="0.23622047244094491" top="0.74803149606299213" bottom="0.74803149606299213" header="0.31496062992125984" footer="0.31496062992125984"/>
  <pageSetup paperSize="9" scale="38" orientation="portrait" r:id="rId1"/>
  <headerFooter alignWithMargins="0"/>
  <extLst>
    <ext xmlns:x14="http://schemas.microsoft.com/office/spreadsheetml/2009/9/main" uri="{CCE6A557-97BC-4b89-ADB6-D9C93CAAB3DF}">
      <x14:dataValidations xmlns:xm="http://schemas.microsoft.com/office/excel/2006/main" count="1">
        <x14:dataValidation type="list" allowBlank="1" showInputMessage="1" showErrorMessage="1" xr:uid="{B2F7AF25-6C4E-4152-92CB-6D7BCDF1BA15}">
          <x14:formula1>
            <xm:f>"□,■"</xm:f>
          </x14:formula1>
          <xm:sqref>I8 JE8 TA8 ACW8 AMS8 AWO8 BGK8 BQG8 CAC8 CJY8 CTU8 DDQ8 DNM8 DXI8 EHE8 ERA8 FAW8 FKS8 FUO8 GEK8 GOG8 GYC8 HHY8 HRU8 IBQ8 ILM8 IVI8 JFE8 JPA8 JYW8 KIS8 KSO8 LCK8 LMG8 LWC8 MFY8 MPU8 MZQ8 NJM8 NTI8 ODE8 ONA8 OWW8 PGS8 PQO8 QAK8 QKG8 QUC8 RDY8 RNU8 RXQ8 SHM8 SRI8 TBE8 TLA8 TUW8 UES8 UOO8 UYK8 VIG8 VSC8 WBY8 WLU8 WVQ8 I65544 JE65544 TA65544 ACW65544 AMS65544 AWO65544 BGK65544 BQG65544 CAC65544 CJY65544 CTU65544 DDQ65544 DNM65544 DXI65544 EHE65544 ERA65544 FAW65544 FKS65544 FUO65544 GEK65544 GOG65544 GYC65544 HHY65544 HRU65544 IBQ65544 ILM65544 IVI65544 JFE65544 JPA65544 JYW65544 KIS65544 KSO65544 LCK65544 LMG65544 LWC65544 MFY65544 MPU65544 MZQ65544 NJM65544 NTI65544 ODE65544 ONA65544 OWW65544 PGS65544 PQO65544 QAK65544 QKG65544 QUC65544 RDY65544 RNU65544 RXQ65544 SHM65544 SRI65544 TBE65544 TLA65544 TUW65544 UES65544 UOO65544 UYK65544 VIG65544 VSC65544 WBY65544 WLU65544 WVQ65544 I131080 JE131080 TA131080 ACW131080 AMS131080 AWO131080 BGK131080 BQG131080 CAC131080 CJY131080 CTU131080 DDQ131080 DNM131080 DXI131080 EHE131080 ERA131080 FAW131080 FKS131080 FUO131080 GEK131080 GOG131080 GYC131080 HHY131080 HRU131080 IBQ131080 ILM131080 IVI131080 JFE131080 JPA131080 JYW131080 KIS131080 KSO131080 LCK131080 LMG131080 LWC131080 MFY131080 MPU131080 MZQ131080 NJM131080 NTI131080 ODE131080 ONA131080 OWW131080 PGS131080 PQO131080 QAK131080 QKG131080 QUC131080 RDY131080 RNU131080 RXQ131080 SHM131080 SRI131080 TBE131080 TLA131080 TUW131080 UES131080 UOO131080 UYK131080 VIG131080 VSC131080 WBY131080 WLU131080 WVQ131080 I196616 JE196616 TA196616 ACW196616 AMS196616 AWO196616 BGK196616 BQG196616 CAC196616 CJY196616 CTU196616 DDQ196616 DNM196616 DXI196616 EHE196616 ERA196616 FAW196616 FKS196616 FUO196616 GEK196616 GOG196616 GYC196616 HHY196616 HRU196616 IBQ196616 ILM196616 IVI196616 JFE196616 JPA196616 JYW196616 KIS196616 KSO196616 LCK196616 LMG196616 LWC196616 MFY196616 MPU196616 MZQ196616 NJM196616 NTI196616 ODE196616 ONA196616 OWW196616 PGS196616 PQO196616 QAK196616 QKG196616 QUC196616 RDY196616 RNU196616 RXQ196616 SHM196616 SRI196616 TBE196616 TLA196616 TUW196616 UES196616 UOO196616 UYK196616 VIG196616 VSC196616 WBY196616 WLU196616 WVQ196616 I262152 JE262152 TA262152 ACW262152 AMS262152 AWO262152 BGK262152 BQG262152 CAC262152 CJY262152 CTU262152 DDQ262152 DNM262152 DXI262152 EHE262152 ERA262152 FAW262152 FKS262152 FUO262152 GEK262152 GOG262152 GYC262152 HHY262152 HRU262152 IBQ262152 ILM262152 IVI262152 JFE262152 JPA262152 JYW262152 KIS262152 KSO262152 LCK262152 LMG262152 LWC262152 MFY262152 MPU262152 MZQ262152 NJM262152 NTI262152 ODE262152 ONA262152 OWW262152 PGS262152 PQO262152 QAK262152 QKG262152 QUC262152 RDY262152 RNU262152 RXQ262152 SHM262152 SRI262152 TBE262152 TLA262152 TUW262152 UES262152 UOO262152 UYK262152 VIG262152 VSC262152 WBY262152 WLU262152 WVQ262152 I327688 JE327688 TA327688 ACW327688 AMS327688 AWO327688 BGK327688 BQG327688 CAC327688 CJY327688 CTU327688 DDQ327688 DNM327688 DXI327688 EHE327688 ERA327688 FAW327688 FKS327688 FUO327688 GEK327688 GOG327688 GYC327688 HHY327688 HRU327688 IBQ327688 ILM327688 IVI327688 JFE327688 JPA327688 JYW327688 KIS327688 KSO327688 LCK327688 LMG327688 LWC327688 MFY327688 MPU327688 MZQ327688 NJM327688 NTI327688 ODE327688 ONA327688 OWW327688 PGS327688 PQO327688 QAK327688 QKG327688 QUC327688 RDY327688 RNU327688 RXQ327688 SHM327688 SRI327688 TBE327688 TLA327688 TUW327688 UES327688 UOO327688 UYK327688 VIG327688 VSC327688 WBY327688 WLU327688 WVQ327688 I393224 JE393224 TA393224 ACW393224 AMS393224 AWO393224 BGK393224 BQG393224 CAC393224 CJY393224 CTU393224 DDQ393224 DNM393224 DXI393224 EHE393224 ERA393224 FAW393224 FKS393224 FUO393224 GEK393224 GOG393224 GYC393224 HHY393224 HRU393224 IBQ393224 ILM393224 IVI393224 JFE393224 JPA393224 JYW393224 KIS393224 KSO393224 LCK393224 LMG393224 LWC393224 MFY393224 MPU393224 MZQ393224 NJM393224 NTI393224 ODE393224 ONA393224 OWW393224 PGS393224 PQO393224 QAK393224 QKG393224 QUC393224 RDY393224 RNU393224 RXQ393224 SHM393224 SRI393224 TBE393224 TLA393224 TUW393224 UES393224 UOO393224 UYK393224 VIG393224 VSC393224 WBY393224 WLU393224 WVQ393224 I458760 JE458760 TA458760 ACW458760 AMS458760 AWO458760 BGK458760 BQG458760 CAC458760 CJY458760 CTU458760 DDQ458760 DNM458760 DXI458760 EHE458760 ERA458760 FAW458760 FKS458760 FUO458760 GEK458760 GOG458760 GYC458760 HHY458760 HRU458760 IBQ458760 ILM458760 IVI458760 JFE458760 JPA458760 JYW458760 KIS458760 KSO458760 LCK458760 LMG458760 LWC458760 MFY458760 MPU458760 MZQ458760 NJM458760 NTI458760 ODE458760 ONA458760 OWW458760 PGS458760 PQO458760 QAK458760 QKG458760 QUC458760 RDY458760 RNU458760 RXQ458760 SHM458760 SRI458760 TBE458760 TLA458760 TUW458760 UES458760 UOO458760 UYK458760 VIG458760 VSC458760 WBY458760 WLU458760 WVQ458760 I524296 JE524296 TA524296 ACW524296 AMS524296 AWO524296 BGK524296 BQG524296 CAC524296 CJY524296 CTU524296 DDQ524296 DNM524296 DXI524296 EHE524296 ERA524296 FAW524296 FKS524296 FUO524296 GEK524296 GOG524296 GYC524296 HHY524296 HRU524296 IBQ524296 ILM524296 IVI524296 JFE524296 JPA524296 JYW524296 KIS524296 KSO524296 LCK524296 LMG524296 LWC524296 MFY524296 MPU524296 MZQ524296 NJM524296 NTI524296 ODE524296 ONA524296 OWW524296 PGS524296 PQO524296 QAK524296 QKG524296 QUC524296 RDY524296 RNU524296 RXQ524296 SHM524296 SRI524296 TBE524296 TLA524296 TUW524296 UES524296 UOO524296 UYK524296 VIG524296 VSC524296 WBY524296 WLU524296 WVQ524296 I589832 JE589832 TA589832 ACW589832 AMS589832 AWO589832 BGK589832 BQG589832 CAC589832 CJY589832 CTU589832 DDQ589832 DNM589832 DXI589832 EHE589832 ERA589832 FAW589832 FKS589832 FUO589832 GEK589832 GOG589832 GYC589832 HHY589832 HRU589832 IBQ589832 ILM589832 IVI589832 JFE589832 JPA589832 JYW589832 KIS589832 KSO589832 LCK589832 LMG589832 LWC589832 MFY589832 MPU589832 MZQ589832 NJM589832 NTI589832 ODE589832 ONA589832 OWW589832 PGS589832 PQO589832 QAK589832 QKG589832 QUC589832 RDY589832 RNU589832 RXQ589832 SHM589832 SRI589832 TBE589832 TLA589832 TUW589832 UES589832 UOO589832 UYK589832 VIG589832 VSC589832 WBY589832 WLU589832 WVQ589832 I655368 JE655368 TA655368 ACW655368 AMS655368 AWO655368 BGK655368 BQG655368 CAC655368 CJY655368 CTU655368 DDQ655368 DNM655368 DXI655368 EHE655368 ERA655368 FAW655368 FKS655368 FUO655368 GEK655368 GOG655368 GYC655368 HHY655368 HRU655368 IBQ655368 ILM655368 IVI655368 JFE655368 JPA655368 JYW655368 KIS655368 KSO655368 LCK655368 LMG655368 LWC655368 MFY655368 MPU655368 MZQ655368 NJM655368 NTI655368 ODE655368 ONA655368 OWW655368 PGS655368 PQO655368 QAK655368 QKG655368 QUC655368 RDY655368 RNU655368 RXQ655368 SHM655368 SRI655368 TBE655368 TLA655368 TUW655368 UES655368 UOO655368 UYK655368 VIG655368 VSC655368 WBY655368 WLU655368 WVQ655368 I720904 JE720904 TA720904 ACW720904 AMS720904 AWO720904 BGK720904 BQG720904 CAC720904 CJY720904 CTU720904 DDQ720904 DNM720904 DXI720904 EHE720904 ERA720904 FAW720904 FKS720904 FUO720904 GEK720904 GOG720904 GYC720904 HHY720904 HRU720904 IBQ720904 ILM720904 IVI720904 JFE720904 JPA720904 JYW720904 KIS720904 KSO720904 LCK720904 LMG720904 LWC720904 MFY720904 MPU720904 MZQ720904 NJM720904 NTI720904 ODE720904 ONA720904 OWW720904 PGS720904 PQO720904 QAK720904 QKG720904 QUC720904 RDY720904 RNU720904 RXQ720904 SHM720904 SRI720904 TBE720904 TLA720904 TUW720904 UES720904 UOO720904 UYK720904 VIG720904 VSC720904 WBY720904 WLU720904 WVQ720904 I786440 JE786440 TA786440 ACW786440 AMS786440 AWO786440 BGK786440 BQG786440 CAC786440 CJY786440 CTU786440 DDQ786440 DNM786440 DXI786440 EHE786440 ERA786440 FAW786440 FKS786440 FUO786440 GEK786440 GOG786440 GYC786440 HHY786440 HRU786440 IBQ786440 ILM786440 IVI786440 JFE786440 JPA786440 JYW786440 KIS786440 KSO786440 LCK786440 LMG786440 LWC786440 MFY786440 MPU786440 MZQ786440 NJM786440 NTI786440 ODE786440 ONA786440 OWW786440 PGS786440 PQO786440 QAK786440 QKG786440 QUC786440 RDY786440 RNU786440 RXQ786440 SHM786440 SRI786440 TBE786440 TLA786440 TUW786440 UES786440 UOO786440 UYK786440 VIG786440 VSC786440 WBY786440 WLU786440 WVQ786440 I851976 JE851976 TA851976 ACW851976 AMS851976 AWO851976 BGK851976 BQG851976 CAC851976 CJY851976 CTU851976 DDQ851976 DNM851976 DXI851976 EHE851976 ERA851976 FAW851976 FKS851976 FUO851976 GEK851976 GOG851976 GYC851976 HHY851976 HRU851976 IBQ851976 ILM851976 IVI851976 JFE851976 JPA851976 JYW851976 KIS851976 KSO851976 LCK851976 LMG851976 LWC851976 MFY851976 MPU851976 MZQ851976 NJM851976 NTI851976 ODE851976 ONA851976 OWW851976 PGS851976 PQO851976 QAK851976 QKG851976 QUC851976 RDY851976 RNU851976 RXQ851976 SHM851976 SRI851976 TBE851976 TLA851976 TUW851976 UES851976 UOO851976 UYK851976 VIG851976 VSC851976 WBY851976 WLU851976 WVQ851976 I917512 JE917512 TA917512 ACW917512 AMS917512 AWO917512 BGK917512 BQG917512 CAC917512 CJY917512 CTU917512 DDQ917512 DNM917512 DXI917512 EHE917512 ERA917512 FAW917512 FKS917512 FUO917512 GEK917512 GOG917512 GYC917512 HHY917512 HRU917512 IBQ917512 ILM917512 IVI917512 JFE917512 JPA917512 JYW917512 KIS917512 KSO917512 LCK917512 LMG917512 LWC917512 MFY917512 MPU917512 MZQ917512 NJM917512 NTI917512 ODE917512 ONA917512 OWW917512 PGS917512 PQO917512 QAK917512 QKG917512 QUC917512 RDY917512 RNU917512 RXQ917512 SHM917512 SRI917512 TBE917512 TLA917512 TUW917512 UES917512 UOO917512 UYK917512 VIG917512 VSC917512 WBY917512 WLU917512 WVQ917512 I983048 JE983048 TA983048 ACW983048 AMS983048 AWO983048 BGK983048 BQG983048 CAC983048 CJY983048 CTU983048 DDQ983048 DNM983048 DXI983048 EHE983048 ERA983048 FAW983048 FKS983048 FUO983048 GEK983048 GOG983048 GYC983048 HHY983048 HRU983048 IBQ983048 ILM983048 IVI983048 JFE983048 JPA983048 JYW983048 KIS983048 KSO983048 LCK983048 LMG983048 LWC983048 MFY983048 MPU983048 MZQ983048 NJM983048 NTI983048 ODE983048 ONA983048 OWW983048 PGS983048 PQO983048 QAK983048 QKG983048 QUC983048 RDY983048 RNU983048 RXQ983048 SHM983048 SRI983048 TBE983048 TLA983048 TUW983048 UES983048 UOO983048 UYK983048 VIG983048 VSC983048 WBY983048 WLU983048 WVQ983048 M8 JI8 TE8 ADA8 AMW8 AWS8 BGO8 BQK8 CAG8 CKC8 CTY8 DDU8 DNQ8 DXM8 EHI8 ERE8 FBA8 FKW8 FUS8 GEO8 GOK8 GYG8 HIC8 HRY8 IBU8 ILQ8 IVM8 JFI8 JPE8 JZA8 KIW8 KSS8 LCO8 LMK8 LWG8 MGC8 MPY8 MZU8 NJQ8 NTM8 ODI8 ONE8 OXA8 PGW8 PQS8 QAO8 QKK8 QUG8 REC8 RNY8 RXU8 SHQ8 SRM8 TBI8 TLE8 TVA8 UEW8 UOS8 UYO8 VIK8 VSG8 WCC8 WLY8 WVU8 M65544 JI65544 TE65544 ADA65544 AMW65544 AWS65544 BGO65544 BQK65544 CAG65544 CKC65544 CTY65544 DDU65544 DNQ65544 DXM65544 EHI65544 ERE65544 FBA65544 FKW65544 FUS65544 GEO65544 GOK65544 GYG65544 HIC65544 HRY65544 IBU65544 ILQ65544 IVM65544 JFI65544 JPE65544 JZA65544 KIW65544 KSS65544 LCO65544 LMK65544 LWG65544 MGC65544 MPY65544 MZU65544 NJQ65544 NTM65544 ODI65544 ONE65544 OXA65544 PGW65544 PQS65544 QAO65544 QKK65544 QUG65544 REC65544 RNY65544 RXU65544 SHQ65544 SRM65544 TBI65544 TLE65544 TVA65544 UEW65544 UOS65544 UYO65544 VIK65544 VSG65544 WCC65544 WLY65544 WVU65544 M131080 JI131080 TE131080 ADA131080 AMW131080 AWS131080 BGO131080 BQK131080 CAG131080 CKC131080 CTY131080 DDU131080 DNQ131080 DXM131080 EHI131080 ERE131080 FBA131080 FKW131080 FUS131080 GEO131080 GOK131080 GYG131080 HIC131080 HRY131080 IBU131080 ILQ131080 IVM131080 JFI131080 JPE131080 JZA131080 KIW131080 KSS131080 LCO131080 LMK131080 LWG131080 MGC131080 MPY131080 MZU131080 NJQ131080 NTM131080 ODI131080 ONE131080 OXA131080 PGW131080 PQS131080 QAO131080 QKK131080 QUG131080 REC131080 RNY131080 RXU131080 SHQ131080 SRM131080 TBI131080 TLE131080 TVA131080 UEW131080 UOS131080 UYO131080 VIK131080 VSG131080 WCC131080 WLY131080 WVU131080 M196616 JI196616 TE196616 ADA196616 AMW196616 AWS196616 BGO196616 BQK196616 CAG196616 CKC196616 CTY196616 DDU196616 DNQ196616 DXM196616 EHI196616 ERE196616 FBA196616 FKW196616 FUS196616 GEO196616 GOK196616 GYG196616 HIC196616 HRY196616 IBU196616 ILQ196616 IVM196616 JFI196616 JPE196616 JZA196616 KIW196616 KSS196616 LCO196616 LMK196616 LWG196616 MGC196616 MPY196616 MZU196616 NJQ196616 NTM196616 ODI196616 ONE196616 OXA196616 PGW196616 PQS196616 QAO196616 QKK196616 QUG196616 REC196616 RNY196616 RXU196616 SHQ196616 SRM196616 TBI196616 TLE196616 TVA196616 UEW196616 UOS196616 UYO196616 VIK196616 VSG196616 WCC196616 WLY196616 WVU196616 M262152 JI262152 TE262152 ADA262152 AMW262152 AWS262152 BGO262152 BQK262152 CAG262152 CKC262152 CTY262152 DDU262152 DNQ262152 DXM262152 EHI262152 ERE262152 FBA262152 FKW262152 FUS262152 GEO262152 GOK262152 GYG262152 HIC262152 HRY262152 IBU262152 ILQ262152 IVM262152 JFI262152 JPE262152 JZA262152 KIW262152 KSS262152 LCO262152 LMK262152 LWG262152 MGC262152 MPY262152 MZU262152 NJQ262152 NTM262152 ODI262152 ONE262152 OXA262152 PGW262152 PQS262152 QAO262152 QKK262152 QUG262152 REC262152 RNY262152 RXU262152 SHQ262152 SRM262152 TBI262152 TLE262152 TVA262152 UEW262152 UOS262152 UYO262152 VIK262152 VSG262152 WCC262152 WLY262152 WVU262152 M327688 JI327688 TE327688 ADA327688 AMW327688 AWS327688 BGO327688 BQK327688 CAG327688 CKC327688 CTY327688 DDU327688 DNQ327688 DXM327688 EHI327688 ERE327688 FBA327688 FKW327688 FUS327688 GEO327688 GOK327688 GYG327688 HIC327688 HRY327688 IBU327688 ILQ327688 IVM327688 JFI327688 JPE327688 JZA327688 KIW327688 KSS327688 LCO327688 LMK327688 LWG327688 MGC327688 MPY327688 MZU327688 NJQ327688 NTM327688 ODI327688 ONE327688 OXA327688 PGW327688 PQS327688 QAO327688 QKK327688 QUG327688 REC327688 RNY327688 RXU327688 SHQ327688 SRM327688 TBI327688 TLE327688 TVA327688 UEW327688 UOS327688 UYO327688 VIK327688 VSG327688 WCC327688 WLY327688 WVU327688 M393224 JI393224 TE393224 ADA393224 AMW393224 AWS393224 BGO393224 BQK393224 CAG393224 CKC393224 CTY393224 DDU393224 DNQ393224 DXM393224 EHI393224 ERE393224 FBA393224 FKW393224 FUS393224 GEO393224 GOK393224 GYG393224 HIC393224 HRY393224 IBU393224 ILQ393224 IVM393224 JFI393224 JPE393224 JZA393224 KIW393224 KSS393224 LCO393224 LMK393224 LWG393224 MGC393224 MPY393224 MZU393224 NJQ393224 NTM393224 ODI393224 ONE393224 OXA393224 PGW393224 PQS393224 QAO393224 QKK393224 QUG393224 REC393224 RNY393224 RXU393224 SHQ393224 SRM393224 TBI393224 TLE393224 TVA393224 UEW393224 UOS393224 UYO393224 VIK393224 VSG393224 WCC393224 WLY393224 WVU393224 M458760 JI458760 TE458760 ADA458760 AMW458760 AWS458760 BGO458760 BQK458760 CAG458760 CKC458760 CTY458760 DDU458760 DNQ458760 DXM458760 EHI458760 ERE458760 FBA458760 FKW458760 FUS458760 GEO458760 GOK458760 GYG458760 HIC458760 HRY458760 IBU458760 ILQ458760 IVM458760 JFI458760 JPE458760 JZA458760 KIW458760 KSS458760 LCO458760 LMK458760 LWG458760 MGC458760 MPY458760 MZU458760 NJQ458760 NTM458760 ODI458760 ONE458760 OXA458760 PGW458760 PQS458760 QAO458760 QKK458760 QUG458760 REC458760 RNY458760 RXU458760 SHQ458760 SRM458760 TBI458760 TLE458760 TVA458760 UEW458760 UOS458760 UYO458760 VIK458760 VSG458760 WCC458760 WLY458760 WVU458760 M524296 JI524296 TE524296 ADA524296 AMW524296 AWS524296 BGO524296 BQK524296 CAG524296 CKC524296 CTY524296 DDU524296 DNQ524296 DXM524296 EHI524296 ERE524296 FBA524296 FKW524296 FUS524296 GEO524296 GOK524296 GYG524296 HIC524296 HRY524296 IBU524296 ILQ524296 IVM524296 JFI524296 JPE524296 JZA524296 KIW524296 KSS524296 LCO524296 LMK524296 LWG524296 MGC524296 MPY524296 MZU524296 NJQ524296 NTM524296 ODI524296 ONE524296 OXA524296 PGW524296 PQS524296 QAO524296 QKK524296 QUG524296 REC524296 RNY524296 RXU524296 SHQ524296 SRM524296 TBI524296 TLE524296 TVA524296 UEW524296 UOS524296 UYO524296 VIK524296 VSG524296 WCC524296 WLY524296 WVU524296 M589832 JI589832 TE589832 ADA589832 AMW589832 AWS589832 BGO589832 BQK589832 CAG589832 CKC589832 CTY589832 DDU589832 DNQ589832 DXM589832 EHI589832 ERE589832 FBA589832 FKW589832 FUS589832 GEO589832 GOK589832 GYG589832 HIC589832 HRY589832 IBU589832 ILQ589832 IVM589832 JFI589832 JPE589832 JZA589832 KIW589832 KSS589832 LCO589832 LMK589832 LWG589832 MGC589832 MPY589832 MZU589832 NJQ589832 NTM589832 ODI589832 ONE589832 OXA589832 PGW589832 PQS589832 QAO589832 QKK589832 QUG589832 REC589832 RNY589832 RXU589832 SHQ589832 SRM589832 TBI589832 TLE589832 TVA589832 UEW589832 UOS589832 UYO589832 VIK589832 VSG589832 WCC589832 WLY589832 WVU589832 M655368 JI655368 TE655368 ADA655368 AMW655368 AWS655368 BGO655368 BQK655368 CAG655368 CKC655368 CTY655368 DDU655368 DNQ655368 DXM655368 EHI655368 ERE655368 FBA655368 FKW655368 FUS655368 GEO655368 GOK655368 GYG655368 HIC655368 HRY655368 IBU655368 ILQ655368 IVM655368 JFI655368 JPE655368 JZA655368 KIW655368 KSS655368 LCO655368 LMK655368 LWG655368 MGC655368 MPY655368 MZU655368 NJQ655368 NTM655368 ODI655368 ONE655368 OXA655368 PGW655368 PQS655368 QAO655368 QKK655368 QUG655368 REC655368 RNY655368 RXU655368 SHQ655368 SRM655368 TBI655368 TLE655368 TVA655368 UEW655368 UOS655368 UYO655368 VIK655368 VSG655368 WCC655368 WLY655368 WVU655368 M720904 JI720904 TE720904 ADA720904 AMW720904 AWS720904 BGO720904 BQK720904 CAG720904 CKC720904 CTY720904 DDU720904 DNQ720904 DXM720904 EHI720904 ERE720904 FBA720904 FKW720904 FUS720904 GEO720904 GOK720904 GYG720904 HIC720904 HRY720904 IBU720904 ILQ720904 IVM720904 JFI720904 JPE720904 JZA720904 KIW720904 KSS720904 LCO720904 LMK720904 LWG720904 MGC720904 MPY720904 MZU720904 NJQ720904 NTM720904 ODI720904 ONE720904 OXA720904 PGW720904 PQS720904 QAO720904 QKK720904 QUG720904 REC720904 RNY720904 RXU720904 SHQ720904 SRM720904 TBI720904 TLE720904 TVA720904 UEW720904 UOS720904 UYO720904 VIK720904 VSG720904 WCC720904 WLY720904 WVU720904 M786440 JI786440 TE786440 ADA786440 AMW786440 AWS786440 BGO786440 BQK786440 CAG786440 CKC786440 CTY786440 DDU786440 DNQ786440 DXM786440 EHI786440 ERE786440 FBA786440 FKW786440 FUS786440 GEO786440 GOK786440 GYG786440 HIC786440 HRY786440 IBU786440 ILQ786440 IVM786440 JFI786440 JPE786440 JZA786440 KIW786440 KSS786440 LCO786440 LMK786440 LWG786440 MGC786440 MPY786440 MZU786440 NJQ786440 NTM786440 ODI786440 ONE786440 OXA786440 PGW786440 PQS786440 QAO786440 QKK786440 QUG786440 REC786440 RNY786440 RXU786440 SHQ786440 SRM786440 TBI786440 TLE786440 TVA786440 UEW786440 UOS786440 UYO786440 VIK786440 VSG786440 WCC786440 WLY786440 WVU786440 M851976 JI851976 TE851976 ADA851976 AMW851976 AWS851976 BGO851976 BQK851976 CAG851976 CKC851976 CTY851976 DDU851976 DNQ851976 DXM851976 EHI851976 ERE851976 FBA851976 FKW851976 FUS851976 GEO851976 GOK851976 GYG851976 HIC851976 HRY851976 IBU851976 ILQ851976 IVM851976 JFI851976 JPE851976 JZA851976 KIW851976 KSS851976 LCO851976 LMK851976 LWG851976 MGC851976 MPY851976 MZU851976 NJQ851976 NTM851976 ODI851976 ONE851976 OXA851976 PGW851976 PQS851976 QAO851976 QKK851976 QUG851976 REC851976 RNY851976 RXU851976 SHQ851976 SRM851976 TBI851976 TLE851976 TVA851976 UEW851976 UOS851976 UYO851976 VIK851976 VSG851976 WCC851976 WLY851976 WVU851976 M917512 JI917512 TE917512 ADA917512 AMW917512 AWS917512 BGO917512 BQK917512 CAG917512 CKC917512 CTY917512 DDU917512 DNQ917512 DXM917512 EHI917512 ERE917512 FBA917512 FKW917512 FUS917512 GEO917512 GOK917512 GYG917512 HIC917512 HRY917512 IBU917512 ILQ917512 IVM917512 JFI917512 JPE917512 JZA917512 KIW917512 KSS917512 LCO917512 LMK917512 LWG917512 MGC917512 MPY917512 MZU917512 NJQ917512 NTM917512 ODI917512 ONE917512 OXA917512 PGW917512 PQS917512 QAO917512 QKK917512 QUG917512 REC917512 RNY917512 RXU917512 SHQ917512 SRM917512 TBI917512 TLE917512 TVA917512 UEW917512 UOS917512 UYO917512 VIK917512 VSG917512 WCC917512 WLY917512 WVU917512 M983048 JI983048 TE983048 ADA983048 AMW983048 AWS983048 BGO983048 BQK983048 CAG983048 CKC983048 CTY983048 DDU983048 DNQ983048 DXM983048 EHI983048 ERE983048 FBA983048 FKW983048 FUS983048 GEO983048 GOK983048 GYG983048 HIC983048 HRY983048 IBU983048 ILQ983048 IVM983048 JFI983048 JPE983048 JZA983048 KIW983048 KSS983048 LCO983048 LMK983048 LWG983048 MGC983048 MPY983048 MZU983048 NJQ983048 NTM983048 ODI983048 ONE983048 OXA983048 PGW983048 PQS983048 QAO983048 QKK983048 QUG983048 REC983048 RNY983048 RXU983048 SHQ983048 SRM983048 TBI983048 TLE983048 TVA983048 UEW983048 UOS983048 UYO983048 VIK983048 VSG983048 WCC983048 WLY983048 WVU983048 Y8:Y9 JU8:JU9 TQ8:TQ9 ADM8:ADM9 ANI8:ANI9 AXE8:AXE9 BHA8:BHA9 BQW8:BQW9 CAS8:CAS9 CKO8:CKO9 CUK8:CUK9 DEG8:DEG9 DOC8:DOC9 DXY8:DXY9 EHU8:EHU9 ERQ8:ERQ9 FBM8:FBM9 FLI8:FLI9 FVE8:FVE9 GFA8:GFA9 GOW8:GOW9 GYS8:GYS9 HIO8:HIO9 HSK8:HSK9 ICG8:ICG9 IMC8:IMC9 IVY8:IVY9 JFU8:JFU9 JPQ8:JPQ9 JZM8:JZM9 KJI8:KJI9 KTE8:KTE9 LDA8:LDA9 LMW8:LMW9 LWS8:LWS9 MGO8:MGO9 MQK8:MQK9 NAG8:NAG9 NKC8:NKC9 NTY8:NTY9 ODU8:ODU9 ONQ8:ONQ9 OXM8:OXM9 PHI8:PHI9 PRE8:PRE9 QBA8:QBA9 QKW8:QKW9 QUS8:QUS9 REO8:REO9 ROK8:ROK9 RYG8:RYG9 SIC8:SIC9 SRY8:SRY9 TBU8:TBU9 TLQ8:TLQ9 TVM8:TVM9 UFI8:UFI9 UPE8:UPE9 UZA8:UZA9 VIW8:VIW9 VSS8:VSS9 WCO8:WCO9 WMK8:WMK9 WWG8:WWG9 Y65544:Y65545 JU65544:JU65545 TQ65544:TQ65545 ADM65544:ADM65545 ANI65544:ANI65545 AXE65544:AXE65545 BHA65544:BHA65545 BQW65544:BQW65545 CAS65544:CAS65545 CKO65544:CKO65545 CUK65544:CUK65545 DEG65544:DEG65545 DOC65544:DOC65545 DXY65544:DXY65545 EHU65544:EHU65545 ERQ65544:ERQ65545 FBM65544:FBM65545 FLI65544:FLI65545 FVE65544:FVE65545 GFA65544:GFA65545 GOW65544:GOW65545 GYS65544:GYS65545 HIO65544:HIO65545 HSK65544:HSK65545 ICG65544:ICG65545 IMC65544:IMC65545 IVY65544:IVY65545 JFU65544:JFU65545 JPQ65544:JPQ65545 JZM65544:JZM65545 KJI65544:KJI65545 KTE65544:KTE65545 LDA65544:LDA65545 LMW65544:LMW65545 LWS65544:LWS65545 MGO65544:MGO65545 MQK65544:MQK65545 NAG65544:NAG65545 NKC65544:NKC65545 NTY65544:NTY65545 ODU65544:ODU65545 ONQ65544:ONQ65545 OXM65544:OXM65545 PHI65544:PHI65545 PRE65544:PRE65545 QBA65544:QBA65545 QKW65544:QKW65545 QUS65544:QUS65545 REO65544:REO65545 ROK65544:ROK65545 RYG65544:RYG65545 SIC65544:SIC65545 SRY65544:SRY65545 TBU65544:TBU65545 TLQ65544:TLQ65545 TVM65544:TVM65545 UFI65544:UFI65545 UPE65544:UPE65545 UZA65544:UZA65545 VIW65544:VIW65545 VSS65544:VSS65545 WCO65544:WCO65545 WMK65544:WMK65545 WWG65544:WWG65545 Y131080:Y131081 JU131080:JU131081 TQ131080:TQ131081 ADM131080:ADM131081 ANI131080:ANI131081 AXE131080:AXE131081 BHA131080:BHA131081 BQW131080:BQW131081 CAS131080:CAS131081 CKO131080:CKO131081 CUK131080:CUK131081 DEG131080:DEG131081 DOC131080:DOC131081 DXY131080:DXY131081 EHU131080:EHU131081 ERQ131080:ERQ131081 FBM131080:FBM131081 FLI131080:FLI131081 FVE131080:FVE131081 GFA131080:GFA131081 GOW131080:GOW131081 GYS131080:GYS131081 HIO131080:HIO131081 HSK131080:HSK131081 ICG131080:ICG131081 IMC131080:IMC131081 IVY131080:IVY131081 JFU131080:JFU131081 JPQ131080:JPQ131081 JZM131080:JZM131081 KJI131080:KJI131081 KTE131080:KTE131081 LDA131080:LDA131081 LMW131080:LMW131081 LWS131080:LWS131081 MGO131080:MGO131081 MQK131080:MQK131081 NAG131080:NAG131081 NKC131080:NKC131081 NTY131080:NTY131081 ODU131080:ODU131081 ONQ131080:ONQ131081 OXM131080:OXM131081 PHI131080:PHI131081 PRE131080:PRE131081 QBA131080:QBA131081 QKW131080:QKW131081 QUS131080:QUS131081 REO131080:REO131081 ROK131080:ROK131081 RYG131080:RYG131081 SIC131080:SIC131081 SRY131080:SRY131081 TBU131080:TBU131081 TLQ131080:TLQ131081 TVM131080:TVM131081 UFI131080:UFI131081 UPE131080:UPE131081 UZA131080:UZA131081 VIW131080:VIW131081 VSS131080:VSS131081 WCO131080:WCO131081 WMK131080:WMK131081 WWG131080:WWG131081 Y196616:Y196617 JU196616:JU196617 TQ196616:TQ196617 ADM196616:ADM196617 ANI196616:ANI196617 AXE196616:AXE196617 BHA196616:BHA196617 BQW196616:BQW196617 CAS196616:CAS196617 CKO196616:CKO196617 CUK196616:CUK196617 DEG196616:DEG196617 DOC196616:DOC196617 DXY196616:DXY196617 EHU196616:EHU196617 ERQ196616:ERQ196617 FBM196616:FBM196617 FLI196616:FLI196617 FVE196616:FVE196617 GFA196616:GFA196617 GOW196616:GOW196617 GYS196616:GYS196617 HIO196616:HIO196617 HSK196616:HSK196617 ICG196616:ICG196617 IMC196616:IMC196617 IVY196616:IVY196617 JFU196616:JFU196617 JPQ196616:JPQ196617 JZM196616:JZM196617 KJI196616:KJI196617 KTE196616:KTE196617 LDA196616:LDA196617 LMW196616:LMW196617 LWS196616:LWS196617 MGO196616:MGO196617 MQK196616:MQK196617 NAG196616:NAG196617 NKC196616:NKC196617 NTY196616:NTY196617 ODU196616:ODU196617 ONQ196616:ONQ196617 OXM196616:OXM196617 PHI196616:PHI196617 PRE196616:PRE196617 QBA196616:QBA196617 QKW196616:QKW196617 QUS196616:QUS196617 REO196616:REO196617 ROK196616:ROK196617 RYG196616:RYG196617 SIC196616:SIC196617 SRY196616:SRY196617 TBU196616:TBU196617 TLQ196616:TLQ196617 TVM196616:TVM196617 UFI196616:UFI196617 UPE196616:UPE196617 UZA196616:UZA196617 VIW196616:VIW196617 VSS196616:VSS196617 WCO196616:WCO196617 WMK196616:WMK196617 WWG196616:WWG196617 Y262152:Y262153 JU262152:JU262153 TQ262152:TQ262153 ADM262152:ADM262153 ANI262152:ANI262153 AXE262152:AXE262153 BHA262152:BHA262153 BQW262152:BQW262153 CAS262152:CAS262153 CKO262152:CKO262153 CUK262152:CUK262153 DEG262152:DEG262153 DOC262152:DOC262153 DXY262152:DXY262153 EHU262152:EHU262153 ERQ262152:ERQ262153 FBM262152:FBM262153 FLI262152:FLI262153 FVE262152:FVE262153 GFA262152:GFA262153 GOW262152:GOW262153 GYS262152:GYS262153 HIO262152:HIO262153 HSK262152:HSK262153 ICG262152:ICG262153 IMC262152:IMC262153 IVY262152:IVY262153 JFU262152:JFU262153 JPQ262152:JPQ262153 JZM262152:JZM262153 KJI262152:KJI262153 KTE262152:KTE262153 LDA262152:LDA262153 LMW262152:LMW262153 LWS262152:LWS262153 MGO262152:MGO262153 MQK262152:MQK262153 NAG262152:NAG262153 NKC262152:NKC262153 NTY262152:NTY262153 ODU262152:ODU262153 ONQ262152:ONQ262153 OXM262152:OXM262153 PHI262152:PHI262153 PRE262152:PRE262153 QBA262152:QBA262153 QKW262152:QKW262153 QUS262152:QUS262153 REO262152:REO262153 ROK262152:ROK262153 RYG262152:RYG262153 SIC262152:SIC262153 SRY262152:SRY262153 TBU262152:TBU262153 TLQ262152:TLQ262153 TVM262152:TVM262153 UFI262152:UFI262153 UPE262152:UPE262153 UZA262152:UZA262153 VIW262152:VIW262153 VSS262152:VSS262153 WCO262152:WCO262153 WMK262152:WMK262153 WWG262152:WWG262153 Y327688:Y327689 JU327688:JU327689 TQ327688:TQ327689 ADM327688:ADM327689 ANI327688:ANI327689 AXE327688:AXE327689 BHA327688:BHA327689 BQW327688:BQW327689 CAS327688:CAS327689 CKO327688:CKO327689 CUK327688:CUK327689 DEG327688:DEG327689 DOC327688:DOC327689 DXY327688:DXY327689 EHU327688:EHU327689 ERQ327688:ERQ327689 FBM327688:FBM327689 FLI327688:FLI327689 FVE327688:FVE327689 GFA327688:GFA327689 GOW327688:GOW327689 GYS327688:GYS327689 HIO327688:HIO327689 HSK327688:HSK327689 ICG327688:ICG327689 IMC327688:IMC327689 IVY327688:IVY327689 JFU327688:JFU327689 JPQ327688:JPQ327689 JZM327688:JZM327689 KJI327688:KJI327689 KTE327688:KTE327689 LDA327688:LDA327689 LMW327688:LMW327689 LWS327688:LWS327689 MGO327688:MGO327689 MQK327688:MQK327689 NAG327688:NAG327689 NKC327688:NKC327689 NTY327688:NTY327689 ODU327688:ODU327689 ONQ327688:ONQ327689 OXM327688:OXM327689 PHI327688:PHI327689 PRE327688:PRE327689 QBA327688:QBA327689 QKW327688:QKW327689 QUS327688:QUS327689 REO327688:REO327689 ROK327688:ROK327689 RYG327688:RYG327689 SIC327688:SIC327689 SRY327688:SRY327689 TBU327688:TBU327689 TLQ327688:TLQ327689 TVM327688:TVM327689 UFI327688:UFI327689 UPE327688:UPE327689 UZA327688:UZA327689 VIW327688:VIW327689 VSS327688:VSS327689 WCO327688:WCO327689 WMK327688:WMK327689 WWG327688:WWG327689 Y393224:Y393225 JU393224:JU393225 TQ393224:TQ393225 ADM393224:ADM393225 ANI393224:ANI393225 AXE393224:AXE393225 BHA393224:BHA393225 BQW393224:BQW393225 CAS393224:CAS393225 CKO393224:CKO393225 CUK393224:CUK393225 DEG393224:DEG393225 DOC393224:DOC393225 DXY393224:DXY393225 EHU393224:EHU393225 ERQ393224:ERQ393225 FBM393224:FBM393225 FLI393224:FLI393225 FVE393224:FVE393225 GFA393224:GFA393225 GOW393224:GOW393225 GYS393224:GYS393225 HIO393224:HIO393225 HSK393224:HSK393225 ICG393224:ICG393225 IMC393224:IMC393225 IVY393224:IVY393225 JFU393224:JFU393225 JPQ393224:JPQ393225 JZM393224:JZM393225 KJI393224:KJI393225 KTE393224:KTE393225 LDA393224:LDA393225 LMW393224:LMW393225 LWS393224:LWS393225 MGO393224:MGO393225 MQK393224:MQK393225 NAG393224:NAG393225 NKC393224:NKC393225 NTY393224:NTY393225 ODU393224:ODU393225 ONQ393224:ONQ393225 OXM393224:OXM393225 PHI393224:PHI393225 PRE393224:PRE393225 QBA393224:QBA393225 QKW393224:QKW393225 QUS393224:QUS393225 REO393224:REO393225 ROK393224:ROK393225 RYG393224:RYG393225 SIC393224:SIC393225 SRY393224:SRY393225 TBU393224:TBU393225 TLQ393224:TLQ393225 TVM393224:TVM393225 UFI393224:UFI393225 UPE393224:UPE393225 UZA393224:UZA393225 VIW393224:VIW393225 VSS393224:VSS393225 WCO393224:WCO393225 WMK393224:WMK393225 WWG393224:WWG393225 Y458760:Y458761 JU458760:JU458761 TQ458760:TQ458761 ADM458760:ADM458761 ANI458760:ANI458761 AXE458760:AXE458761 BHA458760:BHA458761 BQW458760:BQW458761 CAS458760:CAS458761 CKO458760:CKO458761 CUK458760:CUK458761 DEG458760:DEG458761 DOC458760:DOC458761 DXY458760:DXY458761 EHU458760:EHU458761 ERQ458760:ERQ458761 FBM458760:FBM458761 FLI458760:FLI458761 FVE458760:FVE458761 GFA458760:GFA458761 GOW458760:GOW458761 GYS458760:GYS458761 HIO458760:HIO458761 HSK458760:HSK458761 ICG458760:ICG458761 IMC458760:IMC458761 IVY458760:IVY458761 JFU458760:JFU458761 JPQ458760:JPQ458761 JZM458760:JZM458761 KJI458760:KJI458761 KTE458760:KTE458761 LDA458760:LDA458761 LMW458760:LMW458761 LWS458760:LWS458761 MGO458760:MGO458761 MQK458760:MQK458761 NAG458760:NAG458761 NKC458760:NKC458761 NTY458760:NTY458761 ODU458760:ODU458761 ONQ458760:ONQ458761 OXM458760:OXM458761 PHI458760:PHI458761 PRE458760:PRE458761 QBA458760:QBA458761 QKW458760:QKW458761 QUS458760:QUS458761 REO458760:REO458761 ROK458760:ROK458761 RYG458760:RYG458761 SIC458760:SIC458761 SRY458760:SRY458761 TBU458760:TBU458761 TLQ458760:TLQ458761 TVM458760:TVM458761 UFI458760:UFI458761 UPE458760:UPE458761 UZA458760:UZA458761 VIW458760:VIW458761 VSS458760:VSS458761 WCO458760:WCO458761 WMK458760:WMK458761 WWG458760:WWG458761 Y524296:Y524297 JU524296:JU524297 TQ524296:TQ524297 ADM524296:ADM524297 ANI524296:ANI524297 AXE524296:AXE524297 BHA524296:BHA524297 BQW524296:BQW524297 CAS524296:CAS524297 CKO524296:CKO524297 CUK524296:CUK524297 DEG524296:DEG524297 DOC524296:DOC524297 DXY524296:DXY524297 EHU524296:EHU524297 ERQ524296:ERQ524297 FBM524296:FBM524297 FLI524296:FLI524297 FVE524296:FVE524297 GFA524296:GFA524297 GOW524296:GOW524297 GYS524296:GYS524297 HIO524296:HIO524297 HSK524296:HSK524297 ICG524296:ICG524297 IMC524296:IMC524297 IVY524296:IVY524297 JFU524296:JFU524297 JPQ524296:JPQ524297 JZM524296:JZM524297 KJI524296:KJI524297 KTE524296:KTE524297 LDA524296:LDA524297 LMW524296:LMW524297 LWS524296:LWS524297 MGO524296:MGO524297 MQK524296:MQK524297 NAG524296:NAG524297 NKC524296:NKC524297 NTY524296:NTY524297 ODU524296:ODU524297 ONQ524296:ONQ524297 OXM524296:OXM524297 PHI524296:PHI524297 PRE524296:PRE524297 QBA524296:QBA524297 QKW524296:QKW524297 QUS524296:QUS524297 REO524296:REO524297 ROK524296:ROK524297 RYG524296:RYG524297 SIC524296:SIC524297 SRY524296:SRY524297 TBU524296:TBU524297 TLQ524296:TLQ524297 TVM524296:TVM524297 UFI524296:UFI524297 UPE524296:UPE524297 UZA524296:UZA524297 VIW524296:VIW524297 VSS524296:VSS524297 WCO524296:WCO524297 WMK524296:WMK524297 WWG524296:WWG524297 Y589832:Y589833 JU589832:JU589833 TQ589832:TQ589833 ADM589832:ADM589833 ANI589832:ANI589833 AXE589832:AXE589833 BHA589832:BHA589833 BQW589832:BQW589833 CAS589832:CAS589833 CKO589832:CKO589833 CUK589832:CUK589833 DEG589832:DEG589833 DOC589832:DOC589833 DXY589832:DXY589833 EHU589832:EHU589833 ERQ589832:ERQ589833 FBM589832:FBM589833 FLI589832:FLI589833 FVE589832:FVE589833 GFA589832:GFA589833 GOW589832:GOW589833 GYS589832:GYS589833 HIO589832:HIO589833 HSK589832:HSK589833 ICG589832:ICG589833 IMC589832:IMC589833 IVY589832:IVY589833 JFU589832:JFU589833 JPQ589832:JPQ589833 JZM589832:JZM589833 KJI589832:KJI589833 KTE589832:KTE589833 LDA589832:LDA589833 LMW589832:LMW589833 LWS589832:LWS589833 MGO589832:MGO589833 MQK589832:MQK589833 NAG589832:NAG589833 NKC589832:NKC589833 NTY589832:NTY589833 ODU589832:ODU589833 ONQ589832:ONQ589833 OXM589832:OXM589833 PHI589832:PHI589833 PRE589832:PRE589833 QBA589832:QBA589833 QKW589832:QKW589833 QUS589832:QUS589833 REO589832:REO589833 ROK589832:ROK589833 RYG589832:RYG589833 SIC589832:SIC589833 SRY589832:SRY589833 TBU589832:TBU589833 TLQ589832:TLQ589833 TVM589832:TVM589833 UFI589832:UFI589833 UPE589832:UPE589833 UZA589832:UZA589833 VIW589832:VIW589833 VSS589832:VSS589833 WCO589832:WCO589833 WMK589832:WMK589833 WWG589832:WWG589833 Y655368:Y655369 JU655368:JU655369 TQ655368:TQ655369 ADM655368:ADM655369 ANI655368:ANI655369 AXE655368:AXE655369 BHA655368:BHA655369 BQW655368:BQW655369 CAS655368:CAS655369 CKO655368:CKO655369 CUK655368:CUK655369 DEG655368:DEG655369 DOC655368:DOC655369 DXY655368:DXY655369 EHU655368:EHU655369 ERQ655368:ERQ655369 FBM655368:FBM655369 FLI655368:FLI655369 FVE655368:FVE655369 GFA655368:GFA655369 GOW655368:GOW655369 GYS655368:GYS655369 HIO655368:HIO655369 HSK655368:HSK655369 ICG655368:ICG655369 IMC655368:IMC655369 IVY655368:IVY655369 JFU655368:JFU655369 JPQ655368:JPQ655369 JZM655368:JZM655369 KJI655368:KJI655369 KTE655368:KTE655369 LDA655368:LDA655369 LMW655368:LMW655369 LWS655368:LWS655369 MGO655368:MGO655369 MQK655368:MQK655369 NAG655368:NAG655369 NKC655368:NKC655369 NTY655368:NTY655369 ODU655368:ODU655369 ONQ655368:ONQ655369 OXM655368:OXM655369 PHI655368:PHI655369 PRE655368:PRE655369 QBA655368:QBA655369 QKW655368:QKW655369 QUS655368:QUS655369 REO655368:REO655369 ROK655368:ROK655369 RYG655368:RYG655369 SIC655368:SIC655369 SRY655368:SRY655369 TBU655368:TBU655369 TLQ655368:TLQ655369 TVM655368:TVM655369 UFI655368:UFI655369 UPE655368:UPE655369 UZA655368:UZA655369 VIW655368:VIW655369 VSS655368:VSS655369 WCO655368:WCO655369 WMK655368:WMK655369 WWG655368:WWG655369 Y720904:Y720905 JU720904:JU720905 TQ720904:TQ720905 ADM720904:ADM720905 ANI720904:ANI720905 AXE720904:AXE720905 BHA720904:BHA720905 BQW720904:BQW720905 CAS720904:CAS720905 CKO720904:CKO720905 CUK720904:CUK720905 DEG720904:DEG720905 DOC720904:DOC720905 DXY720904:DXY720905 EHU720904:EHU720905 ERQ720904:ERQ720905 FBM720904:FBM720905 FLI720904:FLI720905 FVE720904:FVE720905 GFA720904:GFA720905 GOW720904:GOW720905 GYS720904:GYS720905 HIO720904:HIO720905 HSK720904:HSK720905 ICG720904:ICG720905 IMC720904:IMC720905 IVY720904:IVY720905 JFU720904:JFU720905 JPQ720904:JPQ720905 JZM720904:JZM720905 KJI720904:KJI720905 KTE720904:KTE720905 LDA720904:LDA720905 LMW720904:LMW720905 LWS720904:LWS720905 MGO720904:MGO720905 MQK720904:MQK720905 NAG720904:NAG720905 NKC720904:NKC720905 NTY720904:NTY720905 ODU720904:ODU720905 ONQ720904:ONQ720905 OXM720904:OXM720905 PHI720904:PHI720905 PRE720904:PRE720905 QBA720904:QBA720905 QKW720904:QKW720905 QUS720904:QUS720905 REO720904:REO720905 ROK720904:ROK720905 RYG720904:RYG720905 SIC720904:SIC720905 SRY720904:SRY720905 TBU720904:TBU720905 TLQ720904:TLQ720905 TVM720904:TVM720905 UFI720904:UFI720905 UPE720904:UPE720905 UZA720904:UZA720905 VIW720904:VIW720905 VSS720904:VSS720905 WCO720904:WCO720905 WMK720904:WMK720905 WWG720904:WWG720905 Y786440:Y786441 JU786440:JU786441 TQ786440:TQ786441 ADM786440:ADM786441 ANI786440:ANI786441 AXE786440:AXE786441 BHA786440:BHA786441 BQW786440:BQW786441 CAS786440:CAS786441 CKO786440:CKO786441 CUK786440:CUK786441 DEG786440:DEG786441 DOC786440:DOC786441 DXY786440:DXY786441 EHU786440:EHU786441 ERQ786440:ERQ786441 FBM786440:FBM786441 FLI786440:FLI786441 FVE786440:FVE786441 GFA786440:GFA786441 GOW786440:GOW786441 GYS786440:GYS786441 HIO786440:HIO786441 HSK786440:HSK786441 ICG786440:ICG786441 IMC786440:IMC786441 IVY786440:IVY786441 JFU786440:JFU786441 JPQ786440:JPQ786441 JZM786440:JZM786441 KJI786440:KJI786441 KTE786440:KTE786441 LDA786440:LDA786441 LMW786440:LMW786441 LWS786440:LWS786441 MGO786440:MGO786441 MQK786440:MQK786441 NAG786440:NAG786441 NKC786440:NKC786441 NTY786440:NTY786441 ODU786440:ODU786441 ONQ786440:ONQ786441 OXM786440:OXM786441 PHI786440:PHI786441 PRE786440:PRE786441 QBA786440:QBA786441 QKW786440:QKW786441 QUS786440:QUS786441 REO786440:REO786441 ROK786440:ROK786441 RYG786440:RYG786441 SIC786440:SIC786441 SRY786440:SRY786441 TBU786440:TBU786441 TLQ786440:TLQ786441 TVM786440:TVM786441 UFI786440:UFI786441 UPE786440:UPE786441 UZA786440:UZA786441 VIW786440:VIW786441 VSS786440:VSS786441 WCO786440:WCO786441 WMK786440:WMK786441 WWG786440:WWG786441 Y851976:Y851977 JU851976:JU851977 TQ851976:TQ851977 ADM851976:ADM851977 ANI851976:ANI851977 AXE851976:AXE851977 BHA851976:BHA851977 BQW851976:BQW851977 CAS851976:CAS851977 CKO851976:CKO851977 CUK851976:CUK851977 DEG851976:DEG851977 DOC851976:DOC851977 DXY851976:DXY851977 EHU851976:EHU851977 ERQ851976:ERQ851977 FBM851976:FBM851977 FLI851976:FLI851977 FVE851976:FVE851977 GFA851976:GFA851977 GOW851976:GOW851977 GYS851976:GYS851977 HIO851976:HIO851977 HSK851976:HSK851977 ICG851976:ICG851977 IMC851976:IMC851977 IVY851976:IVY851977 JFU851976:JFU851977 JPQ851976:JPQ851977 JZM851976:JZM851977 KJI851976:KJI851977 KTE851976:KTE851977 LDA851976:LDA851977 LMW851976:LMW851977 LWS851976:LWS851977 MGO851976:MGO851977 MQK851976:MQK851977 NAG851976:NAG851977 NKC851976:NKC851977 NTY851976:NTY851977 ODU851976:ODU851977 ONQ851976:ONQ851977 OXM851976:OXM851977 PHI851976:PHI851977 PRE851976:PRE851977 QBA851976:QBA851977 QKW851976:QKW851977 QUS851976:QUS851977 REO851976:REO851977 ROK851976:ROK851977 RYG851976:RYG851977 SIC851976:SIC851977 SRY851976:SRY851977 TBU851976:TBU851977 TLQ851976:TLQ851977 TVM851976:TVM851977 UFI851976:UFI851977 UPE851976:UPE851977 UZA851976:UZA851977 VIW851976:VIW851977 VSS851976:VSS851977 WCO851976:WCO851977 WMK851976:WMK851977 WWG851976:WWG851977 Y917512:Y917513 JU917512:JU917513 TQ917512:TQ917513 ADM917512:ADM917513 ANI917512:ANI917513 AXE917512:AXE917513 BHA917512:BHA917513 BQW917512:BQW917513 CAS917512:CAS917513 CKO917512:CKO917513 CUK917512:CUK917513 DEG917512:DEG917513 DOC917512:DOC917513 DXY917512:DXY917513 EHU917512:EHU917513 ERQ917512:ERQ917513 FBM917512:FBM917513 FLI917512:FLI917513 FVE917512:FVE917513 GFA917512:GFA917513 GOW917512:GOW917513 GYS917512:GYS917513 HIO917512:HIO917513 HSK917512:HSK917513 ICG917512:ICG917513 IMC917512:IMC917513 IVY917512:IVY917513 JFU917512:JFU917513 JPQ917512:JPQ917513 JZM917512:JZM917513 KJI917512:KJI917513 KTE917512:KTE917513 LDA917512:LDA917513 LMW917512:LMW917513 LWS917512:LWS917513 MGO917512:MGO917513 MQK917512:MQK917513 NAG917512:NAG917513 NKC917512:NKC917513 NTY917512:NTY917513 ODU917512:ODU917513 ONQ917512:ONQ917513 OXM917512:OXM917513 PHI917512:PHI917513 PRE917512:PRE917513 QBA917512:QBA917513 QKW917512:QKW917513 QUS917512:QUS917513 REO917512:REO917513 ROK917512:ROK917513 RYG917512:RYG917513 SIC917512:SIC917513 SRY917512:SRY917513 TBU917512:TBU917513 TLQ917512:TLQ917513 TVM917512:TVM917513 UFI917512:UFI917513 UPE917512:UPE917513 UZA917512:UZA917513 VIW917512:VIW917513 VSS917512:VSS917513 WCO917512:WCO917513 WMK917512:WMK917513 WWG917512:WWG917513 Y983048:Y983049 JU983048:JU983049 TQ983048:TQ983049 ADM983048:ADM983049 ANI983048:ANI983049 AXE983048:AXE983049 BHA983048:BHA983049 BQW983048:BQW983049 CAS983048:CAS983049 CKO983048:CKO983049 CUK983048:CUK983049 DEG983048:DEG983049 DOC983048:DOC983049 DXY983048:DXY983049 EHU983048:EHU983049 ERQ983048:ERQ983049 FBM983048:FBM983049 FLI983048:FLI983049 FVE983048:FVE983049 GFA983048:GFA983049 GOW983048:GOW983049 GYS983048:GYS983049 HIO983048:HIO983049 HSK983048:HSK983049 ICG983048:ICG983049 IMC983048:IMC983049 IVY983048:IVY983049 JFU983048:JFU983049 JPQ983048:JPQ983049 JZM983048:JZM983049 KJI983048:KJI983049 KTE983048:KTE983049 LDA983048:LDA983049 LMW983048:LMW983049 LWS983048:LWS983049 MGO983048:MGO983049 MQK983048:MQK983049 NAG983048:NAG983049 NKC983048:NKC983049 NTY983048:NTY983049 ODU983048:ODU983049 ONQ983048:ONQ983049 OXM983048:OXM983049 PHI983048:PHI983049 PRE983048:PRE983049 QBA983048:QBA983049 QKW983048:QKW983049 QUS983048:QUS983049 REO983048:REO983049 ROK983048:ROK983049 RYG983048:RYG983049 SIC983048:SIC983049 SRY983048:SRY983049 TBU983048:TBU983049 TLQ983048:TLQ983049 TVM983048:TVM983049 UFI983048:UFI983049 UPE983048:UPE983049 UZA983048:UZA983049 VIW983048:VIW983049 VSS983048:VSS983049 WCO983048:WCO983049 WMK983048:WMK983049 WWG983048:WWG983049 AC8:AC9 JY8:JY9 TU8:TU9 ADQ8:ADQ9 ANM8:ANM9 AXI8:AXI9 BHE8:BHE9 BRA8:BRA9 CAW8:CAW9 CKS8:CKS9 CUO8:CUO9 DEK8:DEK9 DOG8:DOG9 DYC8:DYC9 EHY8:EHY9 ERU8:ERU9 FBQ8:FBQ9 FLM8:FLM9 FVI8:FVI9 GFE8:GFE9 GPA8:GPA9 GYW8:GYW9 HIS8:HIS9 HSO8:HSO9 ICK8:ICK9 IMG8:IMG9 IWC8:IWC9 JFY8:JFY9 JPU8:JPU9 JZQ8:JZQ9 KJM8:KJM9 KTI8:KTI9 LDE8:LDE9 LNA8:LNA9 LWW8:LWW9 MGS8:MGS9 MQO8:MQO9 NAK8:NAK9 NKG8:NKG9 NUC8:NUC9 ODY8:ODY9 ONU8:ONU9 OXQ8:OXQ9 PHM8:PHM9 PRI8:PRI9 QBE8:QBE9 QLA8:QLA9 QUW8:QUW9 RES8:RES9 ROO8:ROO9 RYK8:RYK9 SIG8:SIG9 SSC8:SSC9 TBY8:TBY9 TLU8:TLU9 TVQ8:TVQ9 UFM8:UFM9 UPI8:UPI9 UZE8:UZE9 VJA8:VJA9 VSW8:VSW9 WCS8:WCS9 WMO8:WMO9 WWK8:WWK9 AC65544:AC65545 JY65544:JY65545 TU65544:TU65545 ADQ65544:ADQ65545 ANM65544:ANM65545 AXI65544:AXI65545 BHE65544:BHE65545 BRA65544:BRA65545 CAW65544:CAW65545 CKS65544:CKS65545 CUO65544:CUO65545 DEK65544:DEK65545 DOG65544:DOG65545 DYC65544:DYC65545 EHY65544:EHY65545 ERU65544:ERU65545 FBQ65544:FBQ65545 FLM65544:FLM65545 FVI65544:FVI65545 GFE65544:GFE65545 GPA65544:GPA65545 GYW65544:GYW65545 HIS65544:HIS65545 HSO65544:HSO65545 ICK65544:ICK65545 IMG65544:IMG65545 IWC65544:IWC65545 JFY65544:JFY65545 JPU65544:JPU65545 JZQ65544:JZQ65545 KJM65544:KJM65545 KTI65544:KTI65545 LDE65544:LDE65545 LNA65544:LNA65545 LWW65544:LWW65545 MGS65544:MGS65545 MQO65544:MQO65545 NAK65544:NAK65545 NKG65544:NKG65545 NUC65544:NUC65545 ODY65544:ODY65545 ONU65544:ONU65545 OXQ65544:OXQ65545 PHM65544:PHM65545 PRI65544:PRI65545 QBE65544:QBE65545 QLA65544:QLA65545 QUW65544:QUW65545 RES65544:RES65545 ROO65544:ROO65545 RYK65544:RYK65545 SIG65544:SIG65545 SSC65544:SSC65545 TBY65544:TBY65545 TLU65544:TLU65545 TVQ65544:TVQ65545 UFM65544:UFM65545 UPI65544:UPI65545 UZE65544:UZE65545 VJA65544:VJA65545 VSW65544:VSW65545 WCS65544:WCS65545 WMO65544:WMO65545 WWK65544:WWK65545 AC131080:AC131081 JY131080:JY131081 TU131080:TU131081 ADQ131080:ADQ131081 ANM131080:ANM131081 AXI131080:AXI131081 BHE131080:BHE131081 BRA131080:BRA131081 CAW131080:CAW131081 CKS131080:CKS131081 CUO131080:CUO131081 DEK131080:DEK131081 DOG131080:DOG131081 DYC131080:DYC131081 EHY131080:EHY131081 ERU131080:ERU131081 FBQ131080:FBQ131081 FLM131080:FLM131081 FVI131080:FVI131081 GFE131080:GFE131081 GPA131080:GPA131081 GYW131080:GYW131081 HIS131080:HIS131081 HSO131080:HSO131081 ICK131080:ICK131081 IMG131080:IMG131081 IWC131080:IWC131081 JFY131080:JFY131081 JPU131080:JPU131081 JZQ131080:JZQ131081 KJM131080:KJM131081 KTI131080:KTI131081 LDE131080:LDE131081 LNA131080:LNA131081 LWW131080:LWW131081 MGS131080:MGS131081 MQO131080:MQO131081 NAK131080:NAK131081 NKG131080:NKG131081 NUC131080:NUC131081 ODY131080:ODY131081 ONU131080:ONU131081 OXQ131080:OXQ131081 PHM131080:PHM131081 PRI131080:PRI131081 QBE131080:QBE131081 QLA131080:QLA131081 QUW131080:QUW131081 RES131080:RES131081 ROO131080:ROO131081 RYK131080:RYK131081 SIG131080:SIG131081 SSC131080:SSC131081 TBY131080:TBY131081 TLU131080:TLU131081 TVQ131080:TVQ131081 UFM131080:UFM131081 UPI131080:UPI131081 UZE131080:UZE131081 VJA131080:VJA131081 VSW131080:VSW131081 WCS131080:WCS131081 WMO131080:WMO131081 WWK131080:WWK131081 AC196616:AC196617 JY196616:JY196617 TU196616:TU196617 ADQ196616:ADQ196617 ANM196616:ANM196617 AXI196616:AXI196617 BHE196616:BHE196617 BRA196616:BRA196617 CAW196616:CAW196617 CKS196616:CKS196617 CUO196616:CUO196617 DEK196616:DEK196617 DOG196616:DOG196617 DYC196616:DYC196617 EHY196616:EHY196617 ERU196616:ERU196617 FBQ196616:FBQ196617 FLM196616:FLM196617 FVI196616:FVI196617 GFE196616:GFE196617 GPA196616:GPA196617 GYW196616:GYW196617 HIS196616:HIS196617 HSO196616:HSO196617 ICK196616:ICK196617 IMG196616:IMG196617 IWC196616:IWC196617 JFY196616:JFY196617 JPU196616:JPU196617 JZQ196616:JZQ196617 KJM196616:KJM196617 KTI196616:KTI196617 LDE196616:LDE196617 LNA196616:LNA196617 LWW196616:LWW196617 MGS196616:MGS196617 MQO196616:MQO196617 NAK196616:NAK196617 NKG196616:NKG196617 NUC196616:NUC196617 ODY196616:ODY196617 ONU196616:ONU196617 OXQ196616:OXQ196617 PHM196616:PHM196617 PRI196616:PRI196617 QBE196616:QBE196617 QLA196616:QLA196617 QUW196616:QUW196617 RES196616:RES196617 ROO196616:ROO196617 RYK196616:RYK196617 SIG196616:SIG196617 SSC196616:SSC196617 TBY196616:TBY196617 TLU196616:TLU196617 TVQ196616:TVQ196617 UFM196616:UFM196617 UPI196616:UPI196617 UZE196616:UZE196617 VJA196616:VJA196617 VSW196616:VSW196617 WCS196616:WCS196617 WMO196616:WMO196617 WWK196616:WWK196617 AC262152:AC262153 JY262152:JY262153 TU262152:TU262153 ADQ262152:ADQ262153 ANM262152:ANM262153 AXI262152:AXI262153 BHE262152:BHE262153 BRA262152:BRA262153 CAW262152:CAW262153 CKS262152:CKS262153 CUO262152:CUO262153 DEK262152:DEK262153 DOG262152:DOG262153 DYC262152:DYC262153 EHY262152:EHY262153 ERU262152:ERU262153 FBQ262152:FBQ262153 FLM262152:FLM262153 FVI262152:FVI262153 GFE262152:GFE262153 GPA262152:GPA262153 GYW262152:GYW262153 HIS262152:HIS262153 HSO262152:HSO262153 ICK262152:ICK262153 IMG262152:IMG262153 IWC262152:IWC262153 JFY262152:JFY262153 JPU262152:JPU262153 JZQ262152:JZQ262153 KJM262152:KJM262153 KTI262152:KTI262153 LDE262152:LDE262153 LNA262152:LNA262153 LWW262152:LWW262153 MGS262152:MGS262153 MQO262152:MQO262153 NAK262152:NAK262153 NKG262152:NKG262153 NUC262152:NUC262153 ODY262152:ODY262153 ONU262152:ONU262153 OXQ262152:OXQ262153 PHM262152:PHM262153 PRI262152:PRI262153 QBE262152:QBE262153 QLA262152:QLA262153 QUW262152:QUW262153 RES262152:RES262153 ROO262152:ROO262153 RYK262152:RYK262153 SIG262152:SIG262153 SSC262152:SSC262153 TBY262152:TBY262153 TLU262152:TLU262153 TVQ262152:TVQ262153 UFM262152:UFM262153 UPI262152:UPI262153 UZE262152:UZE262153 VJA262152:VJA262153 VSW262152:VSW262153 WCS262152:WCS262153 WMO262152:WMO262153 WWK262152:WWK262153 AC327688:AC327689 JY327688:JY327689 TU327688:TU327689 ADQ327688:ADQ327689 ANM327688:ANM327689 AXI327688:AXI327689 BHE327688:BHE327689 BRA327688:BRA327689 CAW327688:CAW327689 CKS327688:CKS327689 CUO327688:CUO327689 DEK327688:DEK327689 DOG327688:DOG327689 DYC327688:DYC327689 EHY327688:EHY327689 ERU327688:ERU327689 FBQ327688:FBQ327689 FLM327688:FLM327689 FVI327688:FVI327689 GFE327688:GFE327689 GPA327688:GPA327689 GYW327688:GYW327689 HIS327688:HIS327689 HSO327688:HSO327689 ICK327688:ICK327689 IMG327688:IMG327689 IWC327688:IWC327689 JFY327688:JFY327689 JPU327688:JPU327689 JZQ327688:JZQ327689 KJM327688:KJM327689 KTI327688:KTI327689 LDE327688:LDE327689 LNA327688:LNA327689 LWW327688:LWW327689 MGS327688:MGS327689 MQO327688:MQO327689 NAK327688:NAK327689 NKG327688:NKG327689 NUC327688:NUC327689 ODY327688:ODY327689 ONU327688:ONU327689 OXQ327688:OXQ327689 PHM327688:PHM327689 PRI327688:PRI327689 QBE327688:QBE327689 QLA327688:QLA327689 QUW327688:QUW327689 RES327688:RES327689 ROO327688:ROO327689 RYK327688:RYK327689 SIG327688:SIG327689 SSC327688:SSC327689 TBY327688:TBY327689 TLU327688:TLU327689 TVQ327688:TVQ327689 UFM327688:UFM327689 UPI327688:UPI327689 UZE327688:UZE327689 VJA327688:VJA327689 VSW327688:VSW327689 WCS327688:WCS327689 WMO327688:WMO327689 WWK327688:WWK327689 AC393224:AC393225 JY393224:JY393225 TU393224:TU393225 ADQ393224:ADQ393225 ANM393224:ANM393225 AXI393224:AXI393225 BHE393224:BHE393225 BRA393224:BRA393225 CAW393224:CAW393225 CKS393224:CKS393225 CUO393224:CUO393225 DEK393224:DEK393225 DOG393224:DOG393225 DYC393224:DYC393225 EHY393224:EHY393225 ERU393224:ERU393225 FBQ393224:FBQ393225 FLM393224:FLM393225 FVI393224:FVI393225 GFE393224:GFE393225 GPA393224:GPA393225 GYW393224:GYW393225 HIS393224:HIS393225 HSO393224:HSO393225 ICK393224:ICK393225 IMG393224:IMG393225 IWC393224:IWC393225 JFY393224:JFY393225 JPU393224:JPU393225 JZQ393224:JZQ393225 KJM393224:KJM393225 KTI393224:KTI393225 LDE393224:LDE393225 LNA393224:LNA393225 LWW393224:LWW393225 MGS393224:MGS393225 MQO393224:MQO393225 NAK393224:NAK393225 NKG393224:NKG393225 NUC393224:NUC393225 ODY393224:ODY393225 ONU393224:ONU393225 OXQ393224:OXQ393225 PHM393224:PHM393225 PRI393224:PRI393225 QBE393224:QBE393225 QLA393224:QLA393225 QUW393224:QUW393225 RES393224:RES393225 ROO393224:ROO393225 RYK393224:RYK393225 SIG393224:SIG393225 SSC393224:SSC393225 TBY393224:TBY393225 TLU393224:TLU393225 TVQ393224:TVQ393225 UFM393224:UFM393225 UPI393224:UPI393225 UZE393224:UZE393225 VJA393224:VJA393225 VSW393224:VSW393225 WCS393224:WCS393225 WMO393224:WMO393225 WWK393224:WWK393225 AC458760:AC458761 JY458760:JY458761 TU458760:TU458761 ADQ458760:ADQ458761 ANM458760:ANM458761 AXI458760:AXI458761 BHE458760:BHE458761 BRA458760:BRA458761 CAW458760:CAW458761 CKS458760:CKS458761 CUO458760:CUO458761 DEK458760:DEK458761 DOG458760:DOG458761 DYC458760:DYC458761 EHY458760:EHY458761 ERU458760:ERU458761 FBQ458760:FBQ458761 FLM458760:FLM458761 FVI458760:FVI458761 GFE458760:GFE458761 GPA458760:GPA458761 GYW458760:GYW458761 HIS458760:HIS458761 HSO458760:HSO458761 ICK458760:ICK458761 IMG458760:IMG458761 IWC458760:IWC458761 JFY458760:JFY458761 JPU458760:JPU458761 JZQ458760:JZQ458761 KJM458760:KJM458761 KTI458760:KTI458761 LDE458760:LDE458761 LNA458760:LNA458761 LWW458760:LWW458761 MGS458760:MGS458761 MQO458760:MQO458761 NAK458760:NAK458761 NKG458760:NKG458761 NUC458760:NUC458761 ODY458760:ODY458761 ONU458760:ONU458761 OXQ458760:OXQ458761 PHM458760:PHM458761 PRI458760:PRI458761 QBE458760:QBE458761 QLA458760:QLA458761 QUW458760:QUW458761 RES458760:RES458761 ROO458760:ROO458761 RYK458760:RYK458761 SIG458760:SIG458761 SSC458760:SSC458761 TBY458760:TBY458761 TLU458760:TLU458761 TVQ458760:TVQ458761 UFM458760:UFM458761 UPI458760:UPI458761 UZE458760:UZE458761 VJA458760:VJA458761 VSW458760:VSW458761 WCS458760:WCS458761 WMO458760:WMO458761 WWK458760:WWK458761 AC524296:AC524297 JY524296:JY524297 TU524296:TU524297 ADQ524296:ADQ524297 ANM524296:ANM524297 AXI524296:AXI524297 BHE524296:BHE524297 BRA524296:BRA524297 CAW524296:CAW524297 CKS524296:CKS524297 CUO524296:CUO524297 DEK524296:DEK524297 DOG524296:DOG524297 DYC524296:DYC524297 EHY524296:EHY524297 ERU524296:ERU524297 FBQ524296:FBQ524297 FLM524296:FLM524297 FVI524296:FVI524297 GFE524296:GFE524297 GPA524296:GPA524297 GYW524296:GYW524297 HIS524296:HIS524297 HSO524296:HSO524297 ICK524296:ICK524297 IMG524296:IMG524297 IWC524296:IWC524297 JFY524296:JFY524297 JPU524296:JPU524297 JZQ524296:JZQ524297 KJM524296:KJM524297 KTI524296:KTI524297 LDE524296:LDE524297 LNA524296:LNA524297 LWW524296:LWW524297 MGS524296:MGS524297 MQO524296:MQO524297 NAK524296:NAK524297 NKG524296:NKG524297 NUC524296:NUC524297 ODY524296:ODY524297 ONU524296:ONU524297 OXQ524296:OXQ524297 PHM524296:PHM524297 PRI524296:PRI524297 QBE524296:QBE524297 QLA524296:QLA524297 QUW524296:QUW524297 RES524296:RES524297 ROO524296:ROO524297 RYK524296:RYK524297 SIG524296:SIG524297 SSC524296:SSC524297 TBY524296:TBY524297 TLU524296:TLU524297 TVQ524296:TVQ524297 UFM524296:UFM524297 UPI524296:UPI524297 UZE524296:UZE524297 VJA524296:VJA524297 VSW524296:VSW524297 WCS524296:WCS524297 WMO524296:WMO524297 WWK524296:WWK524297 AC589832:AC589833 JY589832:JY589833 TU589832:TU589833 ADQ589832:ADQ589833 ANM589832:ANM589833 AXI589832:AXI589833 BHE589832:BHE589833 BRA589832:BRA589833 CAW589832:CAW589833 CKS589832:CKS589833 CUO589832:CUO589833 DEK589832:DEK589833 DOG589832:DOG589833 DYC589832:DYC589833 EHY589832:EHY589833 ERU589832:ERU589833 FBQ589832:FBQ589833 FLM589832:FLM589833 FVI589832:FVI589833 GFE589832:GFE589833 GPA589832:GPA589833 GYW589832:GYW589833 HIS589832:HIS589833 HSO589832:HSO589833 ICK589832:ICK589833 IMG589832:IMG589833 IWC589832:IWC589833 JFY589832:JFY589833 JPU589832:JPU589833 JZQ589832:JZQ589833 KJM589832:KJM589833 KTI589832:KTI589833 LDE589832:LDE589833 LNA589832:LNA589833 LWW589832:LWW589833 MGS589832:MGS589833 MQO589832:MQO589833 NAK589832:NAK589833 NKG589832:NKG589833 NUC589832:NUC589833 ODY589832:ODY589833 ONU589832:ONU589833 OXQ589832:OXQ589833 PHM589832:PHM589833 PRI589832:PRI589833 QBE589832:QBE589833 QLA589832:QLA589833 QUW589832:QUW589833 RES589832:RES589833 ROO589832:ROO589833 RYK589832:RYK589833 SIG589832:SIG589833 SSC589832:SSC589833 TBY589832:TBY589833 TLU589832:TLU589833 TVQ589832:TVQ589833 UFM589832:UFM589833 UPI589832:UPI589833 UZE589832:UZE589833 VJA589832:VJA589833 VSW589832:VSW589833 WCS589832:WCS589833 WMO589832:WMO589833 WWK589832:WWK589833 AC655368:AC655369 JY655368:JY655369 TU655368:TU655369 ADQ655368:ADQ655369 ANM655368:ANM655369 AXI655368:AXI655369 BHE655368:BHE655369 BRA655368:BRA655369 CAW655368:CAW655369 CKS655368:CKS655369 CUO655368:CUO655369 DEK655368:DEK655369 DOG655368:DOG655369 DYC655368:DYC655369 EHY655368:EHY655369 ERU655368:ERU655369 FBQ655368:FBQ655369 FLM655368:FLM655369 FVI655368:FVI655369 GFE655368:GFE655369 GPA655368:GPA655369 GYW655368:GYW655369 HIS655368:HIS655369 HSO655368:HSO655369 ICK655368:ICK655369 IMG655368:IMG655369 IWC655368:IWC655369 JFY655368:JFY655369 JPU655368:JPU655369 JZQ655368:JZQ655369 KJM655368:KJM655369 KTI655368:KTI655369 LDE655368:LDE655369 LNA655368:LNA655369 LWW655368:LWW655369 MGS655368:MGS655369 MQO655368:MQO655369 NAK655368:NAK655369 NKG655368:NKG655369 NUC655368:NUC655369 ODY655368:ODY655369 ONU655368:ONU655369 OXQ655368:OXQ655369 PHM655368:PHM655369 PRI655368:PRI655369 QBE655368:QBE655369 QLA655368:QLA655369 QUW655368:QUW655369 RES655368:RES655369 ROO655368:ROO655369 RYK655368:RYK655369 SIG655368:SIG655369 SSC655368:SSC655369 TBY655368:TBY655369 TLU655368:TLU655369 TVQ655368:TVQ655369 UFM655368:UFM655369 UPI655368:UPI655369 UZE655368:UZE655369 VJA655368:VJA655369 VSW655368:VSW655369 WCS655368:WCS655369 WMO655368:WMO655369 WWK655368:WWK655369 AC720904:AC720905 JY720904:JY720905 TU720904:TU720905 ADQ720904:ADQ720905 ANM720904:ANM720905 AXI720904:AXI720905 BHE720904:BHE720905 BRA720904:BRA720905 CAW720904:CAW720905 CKS720904:CKS720905 CUO720904:CUO720905 DEK720904:DEK720905 DOG720904:DOG720905 DYC720904:DYC720905 EHY720904:EHY720905 ERU720904:ERU720905 FBQ720904:FBQ720905 FLM720904:FLM720905 FVI720904:FVI720905 GFE720904:GFE720905 GPA720904:GPA720905 GYW720904:GYW720905 HIS720904:HIS720905 HSO720904:HSO720905 ICK720904:ICK720905 IMG720904:IMG720905 IWC720904:IWC720905 JFY720904:JFY720905 JPU720904:JPU720905 JZQ720904:JZQ720905 KJM720904:KJM720905 KTI720904:KTI720905 LDE720904:LDE720905 LNA720904:LNA720905 LWW720904:LWW720905 MGS720904:MGS720905 MQO720904:MQO720905 NAK720904:NAK720905 NKG720904:NKG720905 NUC720904:NUC720905 ODY720904:ODY720905 ONU720904:ONU720905 OXQ720904:OXQ720905 PHM720904:PHM720905 PRI720904:PRI720905 QBE720904:QBE720905 QLA720904:QLA720905 QUW720904:QUW720905 RES720904:RES720905 ROO720904:ROO720905 RYK720904:RYK720905 SIG720904:SIG720905 SSC720904:SSC720905 TBY720904:TBY720905 TLU720904:TLU720905 TVQ720904:TVQ720905 UFM720904:UFM720905 UPI720904:UPI720905 UZE720904:UZE720905 VJA720904:VJA720905 VSW720904:VSW720905 WCS720904:WCS720905 WMO720904:WMO720905 WWK720904:WWK720905 AC786440:AC786441 JY786440:JY786441 TU786440:TU786441 ADQ786440:ADQ786441 ANM786440:ANM786441 AXI786440:AXI786441 BHE786440:BHE786441 BRA786440:BRA786441 CAW786440:CAW786441 CKS786440:CKS786441 CUO786440:CUO786441 DEK786440:DEK786441 DOG786440:DOG786441 DYC786440:DYC786441 EHY786440:EHY786441 ERU786440:ERU786441 FBQ786440:FBQ786441 FLM786440:FLM786441 FVI786440:FVI786441 GFE786440:GFE786441 GPA786440:GPA786441 GYW786440:GYW786441 HIS786440:HIS786441 HSO786440:HSO786441 ICK786440:ICK786441 IMG786440:IMG786441 IWC786440:IWC786441 JFY786440:JFY786441 JPU786440:JPU786441 JZQ786440:JZQ786441 KJM786440:KJM786441 KTI786440:KTI786441 LDE786440:LDE786441 LNA786440:LNA786441 LWW786440:LWW786441 MGS786440:MGS786441 MQO786440:MQO786441 NAK786440:NAK786441 NKG786440:NKG786441 NUC786440:NUC786441 ODY786440:ODY786441 ONU786440:ONU786441 OXQ786440:OXQ786441 PHM786440:PHM786441 PRI786440:PRI786441 QBE786440:QBE786441 QLA786440:QLA786441 QUW786440:QUW786441 RES786440:RES786441 ROO786440:ROO786441 RYK786440:RYK786441 SIG786440:SIG786441 SSC786440:SSC786441 TBY786440:TBY786441 TLU786440:TLU786441 TVQ786440:TVQ786441 UFM786440:UFM786441 UPI786440:UPI786441 UZE786440:UZE786441 VJA786440:VJA786441 VSW786440:VSW786441 WCS786440:WCS786441 WMO786440:WMO786441 WWK786440:WWK786441 AC851976:AC851977 JY851976:JY851977 TU851976:TU851977 ADQ851976:ADQ851977 ANM851976:ANM851977 AXI851976:AXI851977 BHE851976:BHE851977 BRA851976:BRA851977 CAW851976:CAW851977 CKS851976:CKS851977 CUO851976:CUO851977 DEK851976:DEK851977 DOG851976:DOG851977 DYC851976:DYC851977 EHY851976:EHY851977 ERU851976:ERU851977 FBQ851976:FBQ851977 FLM851976:FLM851977 FVI851976:FVI851977 GFE851976:GFE851977 GPA851976:GPA851977 GYW851976:GYW851977 HIS851976:HIS851977 HSO851976:HSO851977 ICK851976:ICK851977 IMG851976:IMG851977 IWC851976:IWC851977 JFY851976:JFY851977 JPU851976:JPU851977 JZQ851976:JZQ851977 KJM851976:KJM851977 KTI851976:KTI851977 LDE851976:LDE851977 LNA851976:LNA851977 LWW851976:LWW851977 MGS851976:MGS851977 MQO851976:MQO851977 NAK851976:NAK851977 NKG851976:NKG851977 NUC851976:NUC851977 ODY851976:ODY851977 ONU851976:ONU851977 OXQ851976:OXQ851977 PHM851976:PHM851977 PRI851976:PRI851977 QBE851976:QBE851977 QLA851976:QLA851977 QUW851976:QUW851977 RES851976:RES851977 ROO851976:ROO851977 RYK851976:RYK851977 SIG851976:SIG851977 SSC851976:SSC851977 TBY851976:TBY851977 TLU851976:TLU851977 TVQ851976:TVQ851977 UFM851976:UFM851977 UPI851976:UPI851977 UZE851976:UZE851977 VJA851976:VJA851977 VSW851976:VSW851977 WCS851976:WCS851977 WMO851976:WMO851977 WWK851976:WWK851977 AC917512:AC917513 JY917512:JY917513 TU917512:TU917513 ADQ917512:ADQ917513 ANM917512:ANM917513 AXI917512:AXI917513 BHE917512:BHE917513 BRA917512:BRA917513 CAW917512:CAW917513 CKS917512:CKS917513 CUO917512:CUO917513 DEK917512:DEK917513 DOG917512:DOG917513 DYC917512:DYC917513 EHY917512:EHY917513 ERU917512:ERU917513 FBQ917512:FBQ917513 FLM917512:FLM917513 FVI917512:FVI917513 GFE917512:GFE917513 GPA917512:GPA917513 GYW917512:GYW917513 HIS917512:HIS917513 HSO917512:HSO917513 ICK917512:ICK917513 IMG917512:IMG917513 IWC917512:IWC917513 JFY917512:JFY917513 JPU917512:JPU917513 JZQ917512:JZQ917513 KJM917512:KJM917513 KTI917512:KTI917513 LDE917512:LDE917513 LNA917512:LNA917513 LWW917512:LWW917513 MGS917512:MGS917513 MQO917512:MQO917513 NAK917512:NAK917513 NKG917512:NKG917513 NUC917512:NUC917513 ODY917512:ODY917513 ONU917512:ONU917513 OXQ917512:OXQ917513 PHM917512:PHM917513 PRI917512:PRI917513 QBE917512:QBE917513 QLA917512:QLA917513 QUW917512:QUW917513 RES917512:RES917513 ROO917512:ROO917513 RYK917512:RYK917513 SIG917512:SIG917513 SSC917512:SSC917513 TBY917512:TBY917513 TLU917512:TLU917513 TVQ917512:TVQ917513 UFM917512:UFM917513 UPI917512:UPI917513 UZE917512:UZE917513 VJA917512:VJA917513 VSW917512:VSW917513 WCS917512:WCS917513 WMO917512:WMO917513 WWK917512:WWK917513 AC983048:AC983049 JY983048:JY983049 TU983048:TU983049 ADQ983048:ADQ983049 ANM983048:ANM983049 AXI983048:AXI983049 BHE983048:BHE983049 BRA983048:BRA983049 CAW983048:CAW983049 CKS983048:CKS983049 CUO983048:CUO983049 DEK983048:DEK983049 DOG983048:DOG983049 DYC983048:DYC983049 EHY983048:EHY983049 ERU983048:ERU983049 FBQ983048:FBQ983049 FLM983048:FLM983049 FVI983048:FVI983049 GFE983048:GFE983049 GPA983048:GPA983049 GYW983048:GYW983049 HIS983048:HIS983049 HSO983048:HSO983049 ICK983048:ICK983049 IMG983048:IMG983049 IWC983048:IWC983049 JFY983048:JFY983049 JPU983048:JPU983049 JZQ983048:JZQ983049 KJM983048:KJM983049 KTI983048:KTI983049 LDE983048:LDE983049 LNA983048:LNA983049 LWW983048:LWW983049 MGS983048:MGS983049 MQO983048:MQO983049 NAK983048:NAK983049 NKG983048:NKG983049 NUC983048:NUC983049 ODY983048:ODY983049 ONU983048:ONU983049 OXQ983048:OXQ983049 PHM983048:PHM983049 PRI983048:PRI983049 QBE983048:QBE983049 QLA983048:QLA983049 QUW983048:QUW983049 RES983048:RES983049 ROO983048:ROO983049 RYK983048:RYK983049 SIG983048:SIG983049 SSC983048:SSC983049 TBY983048:TBY983049 TLU983048:TLU983049 TVQ983048:TVQ983049 UFM983048:UFM983049 UPI983048:UPI983049 UZE983048:UZE983049 VJA983048:VJA983049 VSW983048:VSW983049 WCS983048:WCS983049 WMO983048:WMO983049 WWK983048:WWK983049 O9 JK9 TG9 ADC9 AMY9 AWU9 BGQ9 BQM9 CAI9 CKE9 CUA9 DDW9 DNS9 DXO9 EHK9 ERG9 FBC9 FKY9 FUU9 GEQ9 GOM9 GYI9 HIE9 HSA9 IBW9 ILS9 IVO9 JFK9 JPG9 JZC9 KIY9 KSU9 LCQ9 LMM9 LWI9 MGE9 MQA9 MZW9 NJS9 NTO9 ODK9 ONG9 OXC9 PGY9 PQU9 QAQ9 QKM9 QUI9 REE9 ROA9 RXW9 SHS9 SRO9 TBK9 TLG9 TVC9 UEY9 UOU9 UYQ9 VIM9 VSI9 WCE9 WMA9 WVW9 O65545 JK65545 TG65545 ADC65545 AMY65545 AWU65545 BGQ65545 BQM65545 CAI65545 CKE65545 CUA65545 DDW65545 DNS65545 DXO65545 EHK65545 ERG65545 FBC65545 FKY65545 FUU65545 GEQ65545 GOM65545 GYI65545 HIE65545 HSA65545 IBW65545 ILS65545 IVO65545 JFK65545 JPG65545 JZC65545 KIY65545 KSU65545 LCQ65545 LMM65545 LWI65545 MGE65545 MQA65545 MZW65545 NJS65545 NTO65545 ODK65545 ONG65545 OXC65545 PGY65545 PQU65545 QAQ65545 QKM65545 QUI65545 REE65545 ROA65545 RXW65545 SHS65545 SRO65545 TBK65545 TLG65545 TVC65545 UEY65545 UOU65545 UYQ65545 VIM65545 VSI65545 WCE65545 WMA65545 WVW65545 O131081 JK131081 TG131081 ADC131081 AMY131081 AWU131081 BGQ131081 BQM131081 CAI131081 CKE131081 CUA131081 DDW131081 DNS131081 DXO131081 EHK131081 ERG131081 FBC131081 FKY131081 FUU131081 GEQ131081 GOM131081 GYI131081 HIE131081 HSA131081 IBW131081 ILS131081 IVO131081 JFK131081 JPG131081 JZC131081 KIY131081 KSU131081 LCQ131081 LMM131081 LWI131081 MGE131081 MQA131081 MZW131081 NJS131081 NTO131081 ODK131081 ONG131081 OXC131081 PGY131081 PQU131081 QAQ131081 QKM131081 QUI131081 REE131081 ROA131081 RXW131081 SHS131081 SRO131081 TBK131081 TLG131081 TVC131081 UEY131081 UOU131081 UYQ131081 VIM131081 VSI131081 WCE131081 WMA131081 WVW131081 O196617 JK196617 TG196617 ADC196617 AMY196617 AWU196617 BGQ196617 BQM196617 CAI196617 CKE196617 CUA196617 DDW196617 DNS196617 DXO196617 EHK196617 ERG196617 FBC196617 FKY196617 FUU196617 GEQ196617 GOM196617 GYI196617 HIE196617 HSA196617 IBW196617 ILS196617 IVO196617 JFK196617 JPG196617 JZC196617 KIY196617 KSU196617 LCQ196617 LMM196617 LWI196617 MGE196617 MQA196617 MZW196617 NJS196617 NTO196617 ODK196617 ONG196617 OXC196617 PGY196617 PQU196617 QAQ196617 QKM196617 QUI196617 REE196617 ROA196617 RXW196617 SHS196617 SRO196617 TBK196617 TLG196617 TVC196617 UEY196617 UOU196617 UYQ196617 VIM196617 VSI196617 WCE196617 WMA196617 WVW196617 O262153 JK262153 TG262153 ADC262153 AMY262153 AWU262153 BGQ262153 BQM262153 CAI262153 CKE262153 CUA262153 DDW262153 DNS262153 DXO262153 EHK262153 ERG262153 FBC262153 FKY262153 FUU262153 GEQ262153 GOM262153 GYI262153 HIE262153 HSA262153 IBW262153 ILS262153 IVO262153 JFK262153 JPG262153 JZC262153 KIY262153 KSU262153 LCQ262153 LMM262153 LWI262153 MGE262153 MQA262153 MZW262153 NJS262153 NTO262153 ODK262153 ONG262153 OXC262153 PGY262153 PQU262153 QAQ262153 QKM262153 QUI262153 REE262153 ROA262153 RXW262153 SHS262153 SRO262153 TBK262153 TLG262153 TVC262153 UEY262153 UOU262153 UYQ262153 VIM262153 VSI262153 WCE262153 WMA262153 WVW262153 O327689 JK327689 TG327689 ADC327689 AMY327689 AWU327689 BGQ327689 BQM327689 CAI327689 CKE327689 CUA327689 DDW327689 DNS327689 DXO327689 EHK327689 ERG327689 FBC327689 FKY327689 FUU327689 GEQ327689 GOM327689 GYI327689 HIE327689 HSA327689 IBW327689 ILS327689 IVO327689 JFK327689 JPG327689 JZC327689 KIY327689 KSU327689 LCQ327689 LMM327689 LWI327689 MGE327689 MQA327689 MZW327689 NJS327689 NTO327689 ODK327689 ONG327689 OXC327689 PGY327689 PQU327689 QAQ327689 QKM327689 QUI327689 REE327689 ROA327689 RXW327689 SHS327689 SRO327689 TBK327689 TLG327689 TVC327689 UEY327689 UOU327689 UYQ327689 VIM327689 VSI327689 WCE327689 WMA327689 WVW327689 O393225 JK393225 TG393225 ADC393225 AMY393225 AWU393225 BGQ393225 BQM393225 CAI393225 CKE393225 CUA393225 DDW393225 DNS393225 DXO393225 EHK393225 ERG393225 FBC393225 FKY393225 FUU393225 GEQ393225 GOM393225 GYI393225 HIE393225 HSA393225 IBW393225 ILS393225 IVO393225 JFK393225 JPG393225 JZC393225 KIY393225 KSU393225 LCQ393225 LMM393225 LWI393225 MGE393225 MQA393225 MZW393225 NJS393225 NTO393225 ODK393225 ONG393225 OXC393225 PGY393225 PQU393225 QAQ393225 QKM393225 QUI393225 REE393225 ROA393225 RXW393225 SHS393225 SRO393225 TBK393225 TLG393225 TVC393225 UEY393225 UOU393225 UYQ393225 VIM393225 VSI393225 WCE393225 WMA393225 WVW393225 O458761 JK458761 TG458761 ADC458761 AMY458761 AWU458761 BGQ458761 BQM458761 CAI458761 CKE458761 CUA458761 DDW458761 DNS458761 DXO458761 EHK458761 ERG458761 FBC458761 FKY458761 FUU458761 GEQ458761 GOM458761 GYI458761 HIE458761 HSA458761 IBW458761 ILS458761 IVO458761 JFK458761 JPG458761 JZC458761 KIY458761 KSU458761 LCQ458761 LMM458761 LWI458761 MGE458761 MQA458761 MZW458761 NJS458761 NTO458761 ODK458761 ONG458761 OXC458761 PGY458761 PQU458761 QAQ458761 QKM458761 QUI458761 REE458761 ROA458761 RXW458761 SHS458761 SRO458761 TBK458761 TLG458761 TVC458761 UEY458761 UOU458761 UYQ458761 VIM458761 VSI458761 WCE458761 WMA458761 WVW458761 O524297 JK524297 TG524297 ADC524297 AMY524297 AWU524297 BGQ524297 BQM524297 CAI524297 CKE524297 CUA524297 DDW524297 DNS524297 DXO524297 EHK524297 ERG524297 FBC524297 FKY524297 FUU524297 GEQ524297 GOM524297 GYI524297 HIE524297 HSA524297 IBW524297 ILS524297 IVO524297 JFK524297 JPG524297 JZC524297 KIY524297 KSU524297 LCQ524297 LMM524297 LWI524297 MGE524297 MQA524297 MZW524297 NJS524297 NTO524297 ODK524297 ONG524297 OXC524297 PGY524297 PQU524297 QAQ524297 QKM524297 QUI524297 REE524297 ROA524297 RXW524297 SHS524297 SRO524297 TBK524297 TLG524297 TVC524297 UEY524297 UOU524297 UYQ524297 VIM524297 VSI524297 WCE524297 WMA524297 WVW524297 O589833 JK589833 TG589833 ADC589833 AMY589833 AWU589833 BGQ589833 BQM589833 CAI589833 CKE589833 CUA589833 DDW589833 DNS589833 DXO589833 EHK589833 ERG589833 FBC589833 FKY589833 FUU589833 GEQ589833 GOM589833 GYI589833 HIE589833 HSA589833 IBW589833 ILS589833 IVO589833 JFK589833 JPG589833 JZC589833 KIY589833 KSU589833 LCQ589833 LMM589833 LWI589833 MGE589833 MQA589833 MZW589833 NJS589833 NTO589833 ODK589833 ONG589833 OXC589833 PGY589833 PQU589833 QAQ589833 QKM589833 QUI589833 REE589833 ROA589833 RXW589833 SHS589833 SRO589833 TBK589833 TLG589833 TVC589833 UEY589833 UOU589833 UYQ589833 VIM589833 VSI589833 WCE589833 WMA589833 WVW589833 O655369 JK655369 TG655369 ADC655369 AMY655369 AWU655369 BGQ655369 BQM655369 CAI655369 CKE655369 CUA655369 DDW655369 DNS655369 DXO655369 EHK655369 ERG655369 FBC655369 FKY655369 FUU655369 GEQ655369 GOM655369 GYI655369 HIE655369 HSA655369 IBW655369 ILS655369 IVO655369 JFK655369 JPG655369 JZC655369 KIY655369 KSU655369 LCQ655369 LMM655369 LWI655369 MGE655369 MQA655369 MZW655369 NJS655369 NTO655369 ODK655369 ONG655369 OXC655369 PGY655369 PQU655369 QAQ655369 QKM655369 QUI655369 REE655369 ROA655369 RXW655369 SHS655369 SRO655369 TBK655369 TLG655369 TVC655369 UEY655369 UOU655369 UYQ655369 VIM655369 VSI655369 WCE655369 WMA655369 WVW655369 O720905 JK720905 TG720905 ADC720905 AMY720905 AWU720905 BGQ720905 BQM720905 CAI720905 CKE720905 CUA720905 DDW720905 DNS720905 DXO720905 EHK720905 ERG720905 FBC720905 FKY720905 FUU720905 GEQ720905 GOM720905 GYI720905 HIE720905 HSA720905 IBW720905 ILS720905 IVO720905 JFK720905 JPG720905 JZC720905 KIY720905 KSU720905 LCQ720905 LMM720905 LWI720905 MGE720905 MQA720905 MZW720905 NJS720905 NTO720905 ODK720905 ONG720905 OXC720905 PGY720905 PQU720905 QAQ720905 QKM720905 QUI720905 REE720905 ROA720905 RXW720905 SHS720905 SRO720905 TBK720905 TLG720905 TVC720905 UEY720905 UOU720905 UYQ720905 VIM720905 VSI720905 WCE720905 WMA720905 WVW720905 O786441 JK786441 TG786441 ADC786441 AMY786441 AWU786441 BGQ786441 BQM786441 CAI786441 CKE786441 CUA786441 DDW786441 DNS786441 DXO786441 EHK786441 ERG786441 FBC786441 FKY786441 FUU786441 GEQ786441 GOM786441 GYI786441 HIE786441 HSA786441 IBW786441 ILS786441 IVO786441 JFK786441 JPG786441 JZC786441 KIY786441 KSU786441 LCQ786441 LMM786441 LWI786441 MGE786441 MQA786441 MZW786441 NJS786441 NTO786441 ODK786441 ONG786441 OXC786441 PGY786441 PQU786441 QAQ786441 QKM786441 QUI786441 REE786441 ROA786441 RXW786441 SHS786441 SRO786441 TBK786441 TLG786441 TVC786441 UEY786441 UOU786441 UYQ786441 VIM786441 VSI786441 WCE786441 WMA786441 WVW786441 O851977 JK851977 TG851977 ADC851977 AMY851977 AWU851977 BGQ851977 BQM851977 CAI851977 CKE851977 CUA851977 DDW851977 DNS851977 DXO851977 EHK851977 ERG851977 FBC851977 FKY851977 FUU851977 GEQ851977 GOM851977 GYI851977 HIE851977 HSA851977 IBW851977 ILS851977 IVO851977 JFK851977 JPG851977 JZC851977 KIY851977 KSU851977 LCQ851977 LMM851977 LWI851977 MGE851977 MQA851977 MZW851977 NJS851977 NTO851977 ODK851977 ONG851977 OXC851977 PGY851977 PQU851977 QAQ851977 QKM851977 QUI851977 REE851977 ROA851977 RXW851977 SHS851977 SRO851977 TBK851977 TLG851977 TVC851977 UEY851977 UOU851977 UYQ851977 VIM851977 VSI851977 WCE851977 WMA851977 WVW851977 O917513 JK917513 TG917513 ADC917513 AMY917513 AWU917513 BGQ917513 BQM917513 CAI917513 CKE917513 CUA917513 DDW917513 DNS917513 DXO917513 EHK917513 ERG917513 FBC917513 FKY917513 FUU917513 GEQ917513 GOM917513 GYI917513 HIE917513 HSA917513 IBW917513 ILS917513 IVO917513 JFK917513 JPG917513 JZC917513 KIY917513 KSU917513 LCQ917513 LMM917513 LWI917513 MGE917513 MQA917513 MZW917513 NJS917513 NTO917513 ODK917513 ONG917513 OXC917513 PGY917513 PQU917513 QAQ917513 QKM917513 QUI917513 REE917513 ROA917513 RXW917513 SHS917513 SRO917513 TBK917513 TLG917513 TVC917513 UEY917513 UOU917513 UYQ917513 VIM917513 VSI917513 WCE917513 WMA917513 WVW917513 O983049 JK983049 TG983049 ADC983049 AMY983049 AWU983049 BGQ983049 BQM983049 CAI983049 CKE983049 CUA983049 DDW983049 DNS983049 DXO983049 EHK983049 ERG983049 FBC983049 FKY983049 FUU983049 GEQ983049 GOM983049 GYI983049 HIE983049 HSA983049 IBW983049 ILS983049 IVO983049 JFK983049 JPG983049 JZC983049 KIY983049 KSU983049 LCQ983049 LMM983049 LWI983049 MGE983049 MQA983049 MZW983049 NJS983049 NTO983049 ODK983049 ONG983049 OXC983049 PGY983049 PQU983049 QAQ983049 QKM983049 QUI983049 REE983049 ROA983049 RXW983049 SHS983049 SRO983049 TBK983049 TLG983049 TVC983049 UEY983049 UOU983049 UYQ983049 VIM983049 VSI983049 WCE983049 WMA983049 WVW983049 I10 JE10 TA10 ACW10 AMS10 AWO10 BGK10 BQG10 CAC10 CJY10 CTU10 DDQ10 DNM10 DXI10 EHE10 ERA10 FAW10 FKS10 FUO10 GEK10 GOG10 GYC10 HHY10 HRU10 IBQ10 ILM10 IVI10 JFE10 JPA10 JYW10 KIS10 KSO10 LCK10 LMG10 LWC10 MFY10 MPU10 MZQ10 NJM10 NTI10 ODE10 ONA10 OWW10 PGS10 PQO10 QAK10 QKG10 QUC10 RDY10 RNU10 RXQ10 SHM10 SRI10 TBE10 TLA10 TUW10 UES10 UOO10 UYK10 VIG10 VSC10 WBY10 WLU10 WVQ10 I65546 JE65546 TA65546 ACW65546 AMS65546 AWO65546 BGK65546 BQG65546 CAC65546 CJY65546 CTU65546 DDQ65546 DNM65546 DXI65546 EHE65546 ERA65546 FAW65546 FKS65546 FUO65546 GEK65546 GOG65546 GYC65546 HHY65546 HRU65546 IBQ65546 ILM65546 IVI65546 JFE65546 JPA65546 JYW65546 KIS65546 KSO65546 LCK65546 LMG65546 LWC65546 MFY65546 MPU65546 MZQ65546 NJM65546 NTI65546 ODE65546 ONA65546 OWW65546 PGS65546 PQO65546 QAK65546 QKG65546 QUC65546 RDY65546 RNU65546 RXQ65546 SHM65546 SRI65546 TBE65546 TLA65546 TUW65546 UES65546 UOO65546 UYK65546 VIG65546 VSC65546 WBY65546 WLU65546 WVQ65546 I131082 JE131082 TA131082 ACW131082 AMS131082 AWO131082 BGK131082 BQG131082 CAC131082 CJY131082 CTU131082 DDQ131082 DNM131082 DXI131082 EHE131082 ERA131082 FAW131082 FKS131082 FUO131082 GEK131082 GOG131082 GYC131082 HHY131082 HRU131082 IBQ131082 ILM131082 IVI131082 JFE131082 JPA131082 JYW131082 KIS131082 KSO131082 LCK131082 LMG131082 LWC131082 MFY131082 MPU131082 MZQ131082 NJM131082 NTI131082 ODE131082 ONA131082 OWW131082 PGS131082 PQO131082 QAK131082 QKG131082 QUC131082 RDY131082 RNU131082 RXQ131082 SHM131082 SRI131082 TBE131082 TLA131082 TUW131082 UES131082 UOO131082 UYK131082 VIG131082 VSC131082 WBY131082 WLU131082 WVQ131082 I196618 JE196618 TA196618 ACW196618 AMS196618 AWO196618 BGK196618 BQG196618 CAC196618 CJY196618 CTU196618 DDQ196618 DNM196618 DXI196618 EHE196618 ERA196618 FAW196618 FKS196618 FUO196618 GEK196618 GOG196618 GYC196618 HHY196618 HRU196618 IBQ196618 ILM196618 IVI196618 JFE196618 JPA196618 JYW196618 KIS196618 KSO196618 LCK196618 LMG196618 LWC196618 MFY196618 MPU196618 MZQ196618 NJM196618 NTI196618 ODE196618 ONA196618 OWW196618 PGS196618 PQO196618 QAK196618 QKG196618 QUC196618 RDY196618 RNU196618 RXQ196618 SHM196618 SRI196618 TBE196618 TLA196618 TUW196618 UES196618 UOO196618 UYK196618 VIG196618 VSC196618 WBY196618 WLU196618 WVQ196618 I262154 JE262154 TA262154 ACW262154 AMS262154 AWO262154 BGK262154 BQG262154 CAC262154 CJY262154 CTU262154 DDQ262154 DNM262154 DXI262154 EHE262154 ERA262154 FAW262154 FKS262154 FUO262154 GEK262154 GOG262154 GYC262154 HHY262154 HRU262154 IBQ262154 ILM262154 IVI262154 JFE262154 JPA262154 JYW262154 KIS262154 KSO262154 LCK262154 LMG262154 LWC262154 MFY262154 MPU262154 MZQ262154 NJM262154 NTI262154 ODE262154 ONA262154 OWW262154 PGS262154 PQO262154 QAK262154 QKG262154 QUC262154 RDY262154 RNU262154 RXQ262154 SHM262154 SRI262154 TBE262154 TLA262154 TUW262154 UES262154 UOO262154 UYK262154 VIG262154 VSC262154 WBY262154 WLU262154 WVQ262154 I327690 JE327690 TA327690 ACW327690 AMS327690 AWO327690 BGK327690 BQG327690 CAC327690 CJY327690 CTU327690 DDQ327690 DNM327690 DXI327690 EHE327690 ERA327690 FAW327690 FKS327690 FUO327690 GEK327690 GOG327690 GYC327690 HHY327690 HRU327690 IBQ327690 ILM327690 IVI327690 JFE327690 JPA327690 JYW327690 KIS327690 KSO327690 LCK327690 LMG327690 LWC327690 MFY327690 MPU327690 MZQ327690 NJM327690 NTI327690 ODE327690 ONA327690 OWW327690 PGS327690 PQO327690 QAK327690 QKG327690 QUC327690 RDY327690 RNU327690 RXQ327690 SHM327690 SRI327690 TBE327690 TLA327690 TUW327690 UES327690 UOO327690 UYK327690 VIG327690 VSC327690 WBY327690 WLU327690 WVQ327690 I393226 JE393226 TA393226 ACW393226 AMS393226 AWO393226 BGK393226 BQG393226 CAC393226 CJY393226 CTU393226 DDQ393226 DNM393226 DXI393226 EHE393226 ERA393226 FAW393226 FKS393226 FUO393226 GEK393226 GOG393226 GYC393226 HHY393226 HRU393226 IBQ393226 ILM393226 IVI393226 JFE393226 JPA393226 JYW393226 KIS393226 KSO393226 LCK393226 LMG393226 LWC393226 MFY393226 MPU393226 MZQ393226 NJM393226 NTI393226 ODE393226 ONA393226 OWW393226 PGS393226 PQO393226 QAK393226 QKG393226 QUC393226 RDY393226 RNU393226 RXQ393226 SHM393226 SRI393226 TBE393226 TLA393226 TUW393226 UES393226 UOO393226 UYK393226 VIG393226 VSC393226 WBY393226 WLU393226 WVQ393226 I458762 JE458762 TA458762 ACW458762 AMS458762 AWO458762 BGK458762 BQG458762 CAC458762 CJY458762 CTU458762 DDQ458762 DNM458762 DXI458762 EHE458762 ERA458762 FAW458762 FKS458762 FUO458762 GEK458762 GOG458762 GYC458762 HHY458762 HRU458762 IBQ458762 ILM458762 IVI458762 JFE458762 JPA458762 JYW458762 KIS458762 KSO458762 LCK458762 LMG458762 LWC458762 MFY458762 MPU458762 MZQ458762 NJM458762 NTI458762 ODE458762 ONA458762 OWW458762 PGS458762 PQO458762 QAK458762 QKG458762 QUC458762 RDY458762 RNU458762 RXQ458762 SHM458762 SRI458762 TBE458762 TLA458762 TUW458762 UES458762 UOO458762 UYK458762 VIG458762 VSC458762 WBY458762 WLU458762 WVQ458762 I524298 JE524298 TA524298 ACW524298 AMS524298 AWO524298 BGK524298 BQG524298 CAC524298 CJY524298 CTU524298 DDQ524298 DNM524298 DXI524298 EHE524298 ERA524298 FAW524298 FKS524298 FUO524298 GEK524298 GOG524298 GYC524298 HHY524298 HRU524298 IBQ524298 ILM524298 IVI524298 JFE524298 JPA524298 JYW524298 KIS524298 KSO524298 LCK524298 LMG524298 LWC524298 MFY524298 MPU524298 MZQ524298 NJM524298 NTI524298 ODE524298 ONA524298 OWW524298 PGS524298 PQO524298 QAK524298 QKG524298 QUC524298 RDY524298 RNU524298 RXQ524298 SHM524298 SRI524298 TBE524298 TLA524298 TUW524298 UES524298 UOO524298 UYK524298 VIG524298 VSC524298 WBY524298 WLU524298 WVQ524298 I589834 JE589834 TA589834 ACW589834 AMS589834 AWO589834 BGK589834 BQG589834 CAC589834 CJY589834 CTU589834 DDQ589834 DNM589834 DXI589834 EHE589834 ERA589834 FAW589834 FKS589834 FUO589834 GEK589834 GOG589834 GYC589834 HHY589834 HRU589834 IBQ589834 ILM589834 IVI589834 JFE589834 JPA589834 JYW589834 KIS589834 KSO589834 LCK589834 LMG589834 LWC589834 MFY589834 MPU589834 MZQ589834 NJM589834 NTI589834 ODE589834 ONA589834 OWW589834 PGS589834 PQO589834 QAK589834 QKG589834 QUC589834 RDY589834 RNU589834 RXQ589834 SHM589834 SRI589834 TBE589834 TLA589834 TUW589834 UES589834 UOO589834 UYK589834 VIG589834 VSC589834 WBY589834 WLU589834 WVQ589834 I655370 JE655370 TA655370 ACW655370 AMS655370 AWO655370 BGK655370 BQG655370 CAC655370 CJY655370 CTU655370 DDQ655370 DNM655370 DXI655370 EHE655370 ERA655370 FAW655370 FKS655370 FUO655370 GEK655370 GOG655370 GYC655370 HHY655370 HRU655370 IBQ655370 ILM655370 IVI655370 JFE655370 JPA655370 JYW655370 KIS655370 KSO655370 LCK655370 LMG655370 LWC655370 MFY655370 MPU655370 MZQ655370 NJM655370 NTI655370 ODE655370 ONA655370 OWW655370 PGS655370 PQO655370 QAK655370 QKG655370 QUC655370 RDY655370 RNU655370 RXQ655370 SHM655370 SRI655370 TBE655370 TLA655370 TUW655370 UES655370 UOO655370 UYK655370 VIG655370 VSC655370 WBY655370 WLU655370 WVQ655370 I720906 JE720906 TA720906 ACW720906 AMS720906 AWO720906 BGK720906 BQG720906 CAC720906 CJY720906 CTU720906 DDQ720906 DNM720906 DXI720906 EHE720906 ERA720906 FAW720906 FKS720906 FUO720906 GEK720906 GOG720906 GYC720906 HHY720906 HRU720906 IBQ720906 ILM720906 IVI720906 JFE720906 JPA720906 JYW720906 KIS720906 KSO720906 LCK720906 LMG720906 LWC720906 MFY720906 MPU720906 MZQ720906 NJM720906 NTI720906 ODE720906 ONA720906 OWW720906 PGS720906 PQO720906 QAK720906 QKG720906 QUC720906 RDY720906 RNU720906 RXQ720906 SHM720906 SRI720906 TBE720906 TLA720906 TUW720906 UES720906 UOO720906 UYK720906 VIG720906 VSC720906 WBY720906 WLU720906 WVQ720906 I786442 JE786442 TA786442 ACW786442 AMS786442 AWO786442 BGK786442 BQG786442 CAC786442 CJY786442 CTU786442 DDQ786442 DNM786442 DXI786442 EHE786442 ERA786442 FAW786442 FKS786442 FUO786442 GEK786442 GOG786442 GYC786442 HHY786442 HRU786442 IBQ786442 ILM786442 IVI786442 JFE786442 JPA786442 JYW786442 KIS786442 KSO786442 LCK786442 LMG786442 LWC786442 MFY786442 MPU786442 MZQ786442 NJM786442 NTI786442 ODE786442 ONA786442 OWW786442 PGS786442 PQO786442 QAK786442 QKG786442 QUC786442 RDY786442 RNU786442 RXQ786442 SHM786442 SRI786442 TBE786442 TLA786442 TUW786442 UES786442 UOO786442 UYK786442 VIG786442 VSC786442 WBY786442 WLU786442 WVQ786442 I851978 JE851978 TA851978 ACW851978 AMS851978 AWO851978 BGK851978 BQG851978 CAC851978 CJY851978 CTU851978 DDQ851978 DNM851978 DXI851978 EHE851978 ERA851978 FAW851978 FKS851978 FUO851978 GEK851978 GOG851978 GYC851978 HHY851978 HRU851978 IBQ851978 ILM851978 IVI851978 JFE851978 JPA851978 JYW851978 KIS851978 KSO851978 LCK851978 LMG851978 LWC851978 MFY851978 MPU851978 MZQ851978 NJM851978 NTI851978 ODE851978 ONA851978 OWW851978 PGS851978 PQO851978 QAK851978 QKG851978 QUC851978 RDY851978 RNU851978 RXQ851978 SHM851978 SRI851978 TBE851978 TLA851978 TUW851978 UES851978 UOO851978 UYK851978 VIG851978 VSC851978 WBY851978 WLU851978 WVQ851978 I917514 JE917514 TA917514 ACW917514 AMS917514 AWO917514 BGK917514 BQG917514 CAC917514 CJY917514 CTU917514 DDQ917514 DNM917514 DXI917514 EHE917514 ERA917514 FAW917514 FKS917514 FUO917514 GEK917514 GOG917514 GYC917514 HHY917514 HRU917514 IBQ917514 ILM917514 IVI917514 JFE917514 JPA917514 JYW917514 KIS917514 KSO917514 LCK917514 LMG917514 LWC917514 MFY917514 MPU917514 MZQ917514 NJM917514 NTI917514 ODE917514 ONA917514 OWW917514 PGS917514 PQO917514 QAK917514 QKG917514 QUC917514 RDY917514 RNU917514 RXQ917514 SHM917514 SRI917514 TBE917514 TLA917514 TUW917514 UES917514 UOO917514 UYK917514 VIG917514 VSC917514 WBY917514 WLU917514 WVQ917514 I983050 JE983050 TA983050 ACW983050 AMS983050 AWO983050 BGK983050 BQG983050 CAC983050 CJY983050 CTU983050 DDQ983050 DNM983050 DXI983050 EHE983050 ERA983050 FAW983050 FKS983050 FUO983050 GEK983050 GOG983050 GYC983050 HHY983050 HRU983050 IBQ983050 ILM983050 IVI983050 JFE983050 JPA983050 JYW983050 KIS983050 KSO983050 LCK983050 LMG983050 LWC983050 MFY983050 MPU983050 MZQ983050 NJM983050 NTI983050 ODE983050 ONA983050 OWW983050 PGS983050 PQO983050 QAK983050 QKG983050 QUC983050 RDY983050 RNU983050 RXQ983050 SHM983050 SRI983050 TBE983050 TLA983050 TUW983050 UES983050 UOO983050 UYK983050 VIG983050 VSC983050 WBY983050 WLU983050 WVQ983050 M10:M15 JI10:JI15 TE10:TE15 ADA10:ADA15 AMW10:AMW15 AWS10:AWS15 BGO10:BGO15 BQK10:BQK15 CAG10:CAG15 CKC10:CKC15 CTY10:CTY15 DDU10:DDU15 DNQ10:DNQ15 DXM10:DXM15 EHI10:EHI15 ERE10:ERE15 FBA10:FBA15 FKW10:FKW15 FUS10:FUS15 GEO10:GEO15 GOK10:GOK15 GYG10:GYG15 HIC10:HIC15 HRY10:HRY15 IBU10:IBU15 ILQ10:ILQ15 IVM10:IVM15 JFI10:JFI15 JPE10:JPE15 JZA10:JZA15 KIW10:KIW15 KSS10:KSS15 LCO10:LCO15 LMK10:LMK15 LWG10:LWG15 MGC10:MGC15 MPY10:MPY15 MZU10:MZU15 NJQ10:NJQ15 NTM10:NTM15 ODI10:ODI15 ONE10:ONE15 OXA10:OXA15 PGW10:PGW15 PQS10:PQS15 QAO10:QAO15 QKK10:QKK15 QUG10:QUG15 REC10:REC15 RNY10:RNY15 RXU10:RXU15 SHQ10:SHQ15 SRM10:SRM15 TBI10:TBI15 TLE10:TLE15 TVA10:TVA15 UEW10:UEW15 UOS10:UOS15 UYO10:UYO15 VIK10:VIK15 VSG10:VSG15 WCC10:WCC15 WLY10:WLY15 WVU10:WVU15 M65546:M65551 JI65546:JI65551 TE65546:TE65551 ADA65546:ADA65551 AMW65546:AMW65551 AWS65546:AWS65551 BGO65546:BGO65551 BQK65546:BQK65551 CAG65546:CAG65551 CKC65546:CKC65551 CTY65546:CTY65551 DDU65546:DDU65551 DNQ65546:DNQ65551 DXM65546:DXM65551 EHI65546:EHI65551 ERE65546:ERE65551 FBA65546:FBA65551 FKW65546:FKW65551 FUS65546:FUS65551 GEO65546:GEO65551 GOK65546:GOK65551 GYG65546:GYG65551 HIC65546:HIC65551 HRY65546:HRY65551 IBU65546:IBU65551 ILQ65546:ILQ65551 IVM65546:IVM65551 JFI65546:JFI65551 JPE65546:JPE65551 JZA65546:JZA65551 KIW65546:KIW65551 KSS65546:KSS65551 LCO65546:LCO65551 LMK65546:LMK65551 LWG65546:LWG65551 MGC65546:MGC65551 MPY65546:MPY65551 MZU65546:MZU65551 NJQ65546:NJQ65551 NTM65546:NTM65551 ODI65546:ODI65551 ONE65546:ONE65551 OXA65546:OXA65551 PGW65546:PGW65551 PQS65546:PQS65551 QAO65546:QAO65551 QKK65546:QKK65551 QUG65546:QUG65551 REC65546:REC65551 RNY65546:RNY65551 RXU65546:RXU65551 SHQ65546:SHQ65551 SRM65546:SRM65551 TBI65546:TBI65551 TLE65546:TLE65551 TVA65546:TVA65551 UEW65546:UEW65551 UOS65546:UOS65551 UYO65546:UYO65551 VIK65546:VIK65551 VSG65546:VSG65551 WCC65546:WCC65551 WLY65546:WLY65551 WVU65546:WVU65551 M131082:M131087 JI131082:JI131087 TE131082:TE131087 ADA131082:ADA131087 AMW131082:AMW131087 AWS131082:AWS131087 BGO131082:BGO131087 BQK131082:BQK131087 CAG131082:CAG131087 CKC131082:CKC131087 CTY131082:CTY131087 DDU131082:DDU131087 DNQ131082:DNQ131087 DXM131082:DXM131087 EHI131082:EHI131087 ERE131082:ERE131087 FBA131082:FBA131087 FKW131082:FKW131087 FUS131082:FUS131087 GEO131082:GEO131087 GOK131082:GOK131087 GYG131082:GYG131087 HIC131082:HIC131087 HRY131082:HRY131087 IBU131082:IBU131087 ILQ131082:ILQ131087 IVM131082:IVM131087 JFI131082:JFI131087 JPE131082:JPE131087 JZA131082:JZA131087 KIW131082:KIW131087 KSS131082:KSS131087 LCO131082:LCO131087 LMK131082:LMK131087 LWG131082:LWG131087 MGC131082:MGC131087 MPY131082:MPY131087 MZU131082:MZU131087 NJQ131082:NJQ131087 NTM131082:NTM131087 ODI131082:ODI131087 ONE131082:ONE131087 OXA131082:OXA131087 PGW131082:PGW131087 PQS131082:PQS131087 QAO131082:QAO131087 QKK131082:QKK131087 QUG131082:QUG131087 REC131082:REC131087 RNY131082:RNY131087 RXU131082:RXU131087 SHQ131082:SHQ131087 SRM131082:SRM131087 TBI131082:TBI131087 TLE131082:TLE131087 TVA131082:TVA131087 UEW131082:UEW131087 UOS131082:UOS131087 UYO131082:UYO131087 VIK131082:VIK131087 VSG131082:VSG131087 WCC131082:WCC131087 WLY131082:WLY131087 WVU131082:WVU131087 M196618:M196623 JI196618:JI196623 TE196618:TE196623 ADA196618:ADA196623 AMW196618:AMW196623 AWS196618:AWS196623 BGO196618:BGO196623 BQK196618:BQK196623 CAG196618:CAG196623 CKC196618:CKC196623 CTY196618:CTY196623 DDU196618:DDU196623 DNQ196618:DNQ196623 DXM196618:DXM196623 EHI196618:EHI196623 ERE196618:ERE196623 FBA196618:FBA196623 FKW196618:FKW196623 FUS196618:FUS196623 GEO196618:GEO196623 GOK196618:GOK196623 GYG196618:GYG196623 HIC196618:HIC196623 HRY196618:HRY196623 IBU196618:IBU196623 ILQ196618:ILQ196623 IVM196618:IVM196623 JFI196618:JFI196623 JPE196618:JPE196623 JZA196618:JZA196623 KIW196618:KIW196623 KSS196618:KSS196623 LCO196618:LCO196623 LMK196618:LMK196623 LWG196618:LWG196623 MGC196618:MGC196623 MPY196618:MPY196623 MZU196618:MZU196623 NJQ196618:NJQ196623 NTM196618:NTM196623 ODI196618:ODI196623 ONE196618:ONE196623 OXA196618:OXA196623 PGW196618:PGW196623 PQS196618:PQS196623 QAO196618:QAO196623 QKK196618:QKK196623 QUG196618:QUG196623 REC196618:REC196623 RNY196618:RNY196623 RXU196618:RXU196623 SHQ196618:SHQ196623 SRM196618:SRM196623 TBI196618:TBI196623 TLE196618:TLE196623 TVA196618:TVA196623 UEW196618:UEW196623 UOS196618:UOS196623 UYO196618:UYO196623 VIK196618:VIK196623 VSG196618:VSG196623 WCC196618:WCC196623 WLY196618:WLY196623 WVU196618:WVU196623 M262154:M262159 JI262154:JI262159 TE262154:TE262159 ADA262154:ADA262159 AMW262154:AMW262159 AWS262154:AWS262159 BGO262154:BGO262159 BQK262154:BQK262159 CAG262154:CAG262159 CKC262154:CKC262159 CTY262154:CTY262159 DDU262154:DDU262159 DNQ262154:DNQ262159 DXM262154:DXM262159 EHI262154:EHI262159 ERE262154:ERE262159 FBA262154:FBA262159 FKW262154:FKW262159 FUS262154:FUS262159 GEO262154:GEO262159 GOK262154:GOK262159 GYG262154:GYG262159 HIC262154:HIC262159 HRY262154:HRY262159 IBU262154:IBU262159 ILQ262154:ILQ262159 IVM262154:IVM262159 JFI262154:JFI262159 JPE262154:JPE262159 JZA262154:JZA262159 KIW262154:KIW262159 KSS262154:KSS262159 LCO262154:LCO262159 LMK262154:LMK262159 LWG262154:LWG262159 MGC262154:MGC262159 MPY262154:MPY262159 MZU262154:MZU262159 NJQ262154:NJQ262159 NTM262154:NTM262159 ODI262154:ODI262159 ONE262154:ONE262159 OXA262154:OXA262159 PGW262154:PGW262159 PQS262154:PQS262159 QAO262154:QAO262159 QKK262154:QKK262159 QUG262154:QUG262159 REC262154:REC262159 RNY262154:RNY262159 RXU262154:RXU262159 SHQ262154:SHQ262159 SRM262154:SRM262159 TBI262154:TBI262159 TLE262154:TLE262159 TVA262154:TVA262159 UEW262154:UEW262159 UOS262154:UOS262159 UYO262154:UYO262159 VIK262154:VIK262159 VSG262154:VSG262159 WCC262154:WCC262159 WLY262154:WLY262159 WVU262154:WVU262159 M327690:M327695 JI327690:JI327695 TE327690:TE327695 ADA327690:ADA327695 AMW327690:AMW327695 AWS327690:AWS327695 BGO327690:BGO327695 BQK327690:BQK327695 CAG327690:CAG327695 CKC327690:CKC327695 CTY327690:CTY327695 DDU327690:DDU327695 DNQ327690:DNQ327695 DXM327690:DXM327695 EHI327690:EHI327695 ERE327690:ERE327695 FBA327690:FBA327695 FKW327690:FKW327695 FUS327690:FUS327695 GEO327690:GEO327695 GOK327690:GOK327695 GYG327690:GYG327695 HIC327690:HIC327695 HRY327690:HRY327695 IBU327690:IBU327695 ILQ327690:ILQ327695 IVM327690:IVM327695 JFI327690:JFI327695 JPE327690:JPE327695 JZA327690:JZA327695 KIW327690:KIW327695 KSS327690:KSS327695 LCO327690:LCO327695 LMK327690:LMK327695 LWG327690:LWG327695 MGC327690:MGC327695 MPY327690:MPY327695 MZU327690:MZU327695 NJQ327690:NJQ327695 NTM327690:NTM327695 ODI327690:ODI327695 ONE327690:ONE327695 OXA327690:OXA327695 PGW327690:PGW327695 PQS327690:PQS327695 QAO327690:QAO327695 QKK327690:QKK327695 QUG327690:QUG327695 REC327690:REC327695 RNY327690:RNY327695 RXU327690:RXU327695 SHQ327690:SHQ327695 SRM327690:SRM327695 TBI327690:TBI327695 TLE327690:TLE327695 TVA327690:TVA327695 UEW327690:UEW327695 UOS327690:UOS327695 UYO327690:UYO327695 VIK327690:VIK327695 VSG327690:VSG327695 WCC327690:WCC327695 WLY327690:WLY327695 WVU327690:WVU327695 M393226:M393231 JI393226:JI393231 TE393226:TE393231 ADA393226:ADA393231 AMW393226:AMW393231 AWS393226:AWS393231 BGO393226:BGO393231 BQK393226:BQK393231 CAG393226:CAG393231 CKC393226:CKC393231 CTY393226:CTY393231 DDU393226:DDU393231 DNQ393226:DNQ393231 DXM393226:DXM393231 EHI393226:EHI393231 ERE393226:ERE393231 FBA393226:FBA393231 FKW393226:FKW393231 FUS393226:FUS393231 GEO393226:GEO393231 GOK393226:GOK393231 GYG393226:GYG393231 HIC393226:HIC393231 HRY393226:HRY393231 IBU393226:IBU393231 ILQ393226:ILQ393231 IVM393226:IVM393231 JFI393226:JFI393231 JPE393226:JPE393231 JZA393226:JZA393231 KIW393226:KIW393231 KSS393226:KSS393231 LCO393226:LCO393231 LMK393226:LMK393231 LWG393226:LWG393231 MGC393226:MGC393231 MPY393226:MPY393231 MZU393226:MZU393231 NJQ393226:NJQ393231 NTM393226:NTM393231 ODI393226:ODI393231 ONE393226:ONE393231 OXA393226:OXA393231 PGW393226:PGW393231 PQS393226:PQS393231 QAO393226:QAO393231 QKK393226:QKK393231 QUG393226:QUG393231 REC393226:REC393231 RNY393226:RNY393231 RXU393226:RXU393231 SHQ393226:SHQ393231 SRM393226:SRM393231 TBI393226:TBI393231 TLE393226:TLE393231 TVA393226:TVA393231 UEW393226:UEW393231 UOS393226:UOS393231 UYO393226:UYO393231 VIK393226:VIK393231 VSG393226:VSG393231 WCC393226:WCC393231 WLY393226:WLY393231 WVU393226:WVU393231 M458762:M458767 JI458762:JI458767 TE458762:TE458767 ADA458762:ADA458767 AMW458762:AMW458767 AWS458762:AWS458767 BGO458762:BGO458767 BQK458762:BQK458767 CAG458762:CAG458767 CKC458762:CKC458767 CTY458762:CTY458767 DDU458762:DDU458767 DNQ458762:DNQ458767 DXM458762:DXM458767 EHI458762:EHI458767 ERE458762:ERE458767 FBA458762:FBA458767 FKW458762:FKW458767 FUS458762:FUS458767 GEO458762:GEO458767 GOK458762:GOK458767 GYG458762:GYG458767 HIC458762:HIC458767 HRY458762:HRY458767 IBU458762:IBU458767 ILQ458762:ILQ458767 IVM458762:IVM458767 JFI458762:JFI458767 JPE458762:JPE458767 JZA458762:JZA458767 KIW458762:KIW458767 KSS458762:KSS458767 LCO458762:LCO458767 LMK458762:LMK458767 LWG458762:LWG458767 MGC458762:MGC458767 MPY458762:MPY458767 MZU458762:MZU458767 NJQ458762:NJQ458767 NTM458762:NTM458767 ODI458762:ODI458767 ONE458762:ONE458767 OXA458762:OXA458767 PGW458762:PGW458767 PQS458762:PQS458767 QAO458762:QAO458767 QKK458762:QKK458767 QUG458762:QUG458767 REC458762:REC458767 RNY458762:RNY458767 RXU458762:RXU458767 SHQ458762:SHQ458767 SRM458762:SRM458767 TBI458762:TBI458767 TLE458762:TLE458767 TVA458762:TVA458767 UEW458762:UEW458767 UOS458762:UOS458767 UYO458762:UYO458767 VIK458762:VIK458767 VSG458762:VSG458767 WCC458762:WCC458767 WLY458762:WLY458767 WVU458762:WVU458767 M524298:M524303 JI524298:JI524303 TE524298:TE524303 ADA524298:ADA524303 AMW524298:AMW524303 AWS524298:AWS524303 BGO524298:BGO524303 BQK524298:BQK524303 CAG524298:CAG524303 CKC524298:CKC524303 CTY524298:CTY524303 DDU524298:DDU524303 DNQ524298:DNQ524303 DXM524298:DXM524303 EHI524298:EHI524303 ERE524298:ERE524303 FBA524298:FBA524303 FKW524298:FKW524303 FUS524298:FUS524303 GEO524298:GEO524303 GOK524298:GOK524303 GYG524298:GYG524303 HIC524298:HIC524303 HRY524298:HRY524303 IBU524298:IBU524303 ILQ524298:ILQ524303 IVM524298:IVM524303 JFI524298:JFI524303 JPE524298:JPE524303 JZA524298:JZA524303 KIW524298:KIW524303 KSS524298:KSS524303 LCO524298:LCO524303 LMK524298:LMK524303 LWG524298:LWG524303 MGC524298:MGC524303 MPY524298:MPY524303 MZU524298:MZU524303 NJQ524298:NJQ524303 NTM524298:NTM524303 ODI524298:ODI524303 ONE524298:ONE524303 OXA524298:OXA524303 PGW524298:PGW524303 PQS524298:PQS524303 QAO524298:QAO524303 QKK524298:QKK524303 QUG524298:QUG524303 REC524298:REC524303 RNY524298:RNY524303 RXU524298:RXU524303 SHQ524298:SHQ524303 SRM524298:SRM524303 TBI524298:TBI524303 TLE524298:TLE524303 TVA524298:TVA524303 UEW524298:UEW524303 UOS524298:UOS524303 UYO524298:UYO524303 VIK524298:VIK524303 VSG524298:VSG524303 WCC524298:WCC524303 WLY524298:WLY524303 WVU524298:WVU524303 M589834:M589839 JI589834:JI589839 TE589834:TE589839 ADA589834:ADA589839 AMW589834:AMW589839 AWS589834:AWS589839 BGO589834:BGO589839 BQK589834:BQK589839 CAG589834:CAG589839 CKC589834:CKC589839 CTY589834:CTY589839 DDU589834:DDU589839 DNQ589834:DNQ589839 DXM589834:DXM589839 EHI589834:EHI589839 ERE589834:ERE589839 FBA589834:FBA589839 FKW589834:FKW589839 FUS589834:FUS589839 GEO589834:GEO589839 GOK589834:GOK589839 GYG589834:GYG589839 HIC589834:HIC589839 HRY589834:HRY589839 IBU589834:IBU589839 ILQ589834:ILQ589839 IVM589834:IVM589839 JFI589834:JFI589839 JPE589834:JPE589839 JZA589834:JZA589839 KIW589834:KIW589839 KSS589834:KSS589839 LCO589834:LCO589839 LMK589834:LMK589839 LWG589834:LWG589839 MGC589834:MGC589839 MPY589834:MPY589839 MZU589834:MZU589839 NJQ589834:NJQ589839 NTM589834:NTM589839 ODI589834:ODI589839 ONE589834:ONE589839 OXA589834:OXA589839 PGW589834:PGW589839 PQS589834:PQS589839 QAO589834:QAO589839 QKK589834:QKK589839 QUG589834:QUG589839 REC589834:REC589839 RNY589834:RNY589839 RXU589834:RXU589839 SHQ589834:SHQ589839 SRM589834:SRM589839 TBI589834:TBI589839 TLE589834:TLE589839 TVA589834:TVA589839 UEW589834:UEW589839 UOS589834:UOS589839 UYO589834:UYO589839 VIK589834:VIK589839 VSG589834:VSG589839 WCC589834:WCC589839 WLY589834:WLY589839 WVU589834:WVU589839 M655370:M655375 JI655370:JI655375 TE655370:TE655375 ADA655370:ADA655375 AMW655370:AMW655375 AWS655370:AWS655375 BGO655370:BGO655375 BQK655370:BQK655375 CAG655370:CAG655375 CKC655370:CKC655375 CTY655370:CTY655375 DDU655370:DDU655375 DNQ655370:DNQ655375 DXM655370:DXM655375 EHI655370:EHI655375 ERE655370:ERE655375 FBA655370:FBA655375 FKW655370:FKW655375 FUS655370:FUS655375 GEO655370:GEO655375 GOK655370:GOK655375 GYG655370:GYG655375 HIC655370:HIC655375 HRY655370:HRY655375 IBU655370:IBU655375 ILQ655370:ILQ655375 IVM655370:IVM655375 JFI655370:JFI655375 JPE655370:JPE655375 JZA655370:JZA655375 KIW655370:KIW655375 KSS655370:KSS655375 LCO655370:LCO655375 LMK655370:LMK655375 LWG655370:LWG655375 MGC655370:MGC655375 MPY655370:MPY655375 MZU655370:MZU655375 NJQ655370:NJQ655375 NTM655370:NTM655375 ODI655370:ODI655375 ONE655370:ONE655375 OXA655370:OXA655375 PGW655370:PGW655375 PQS655370:PQS655375 QAO655370:QAO655375 QKK655370:QKK655375 QUG655370:QUG655375 REC655370:REC655375 RNY655370:RNY655375 RXU655370:RXU655375 SHQ655370:SHQ655375 SRM655370:SRM655375 TBI655370:TBI655375 TLE655370:TLE655375 TVA655370:TVA655375 UEW655370:UEW655375 UOS655370:UOS655375 UYO655370:UYO655375 VIK655370:VIK655375 VSG655370:VSG655375 WCC655370:WCC655375 WLY655370:WLY655375 WVU655370:WVU655375 M720906:M720911 JI720906:JI720911 TE720906:TE720911 ADA720906:ADA720911 AMW720906:AMW720911 AWS720906:AWS720911 BGO720906:BGO720911 BQK720906:BQK720911 CAG720906:CAG720911 CKC720906:CKC720911 CTY720906:CTY720911 DDU720906:DDU720911 DNQ720906:DNQ720911 DXM720906:DXM720911 EHI720906:EHI720911 ERE720906:ERE720911 FBA720906:FBA720911 FKW720906:FKW720911 FUS720906:FUS720911 GEO720906:GEO720911 GOK720906:GOK720911 GYG720906:GYG720911 HIC720906:HIC720911 HRY720906:HRY720911 IBU720906:IBU720911 ILQ720906:ILQ720911 IVM720906:IVM720911 JFI720906:JFI720911 JPE720906:JPE720911 JZA720906:JZA720911 KIW720906:KIW720911 KSS720906:KSS720911 LCO720906:LCO720911 LMK720906:LMK720911 LWG720906:LWG720911 MGC720906:MGC720911 MPY720906:MPY720911 MZU720906:MZU720911 NJQ720906:NJQ720911 NTM720906:NTM720911 ODI720906:ODI720911 ONE720906:ONE720911 OXA720906:OXA720911 PGW720906:PGW720911 PQS720906:PQS720911 QAO720906:QAO720911 QKK720906:QKK720911 QUG720906:QUG720911 REC720906:REC720911 RNY720906:RNY720911 RXU720906:RXU720911 SHQ720906:SHQ720911 SRM720906:SRM720911 TBI720906:TBI720911 TLE720906:TLE720911 TVA720906:TVA720911 UEW720906:UEW720911 UOS720906:UOS720911 UYO720906:UYO720911 VIK720906:VIK720911 VSG720906:VSG720911 WCC720906:WCC720911 WLY720906:WLY720911 WVU720906:WVU720911 M786442:M786447 JI786442:JI786447 TE786442:TE786447 ADA786442:ADA786447 AMW786442:AMW786447 AWS786442:AWS786447 BGO786442:BGO786447 BQK786442:BQK786447 CAG786442:CAG786447 CKC786442:CKC786447 CTY786442:CTY786447 DDU786442:DDU786447 DNQ786442:DNQ786447 DXM786442:DXM786447 EHI786442:EHI786447 ERE786442:ERE786447 FBA786442:FBA786447 FKW786442:FKW786447 FUS786442:FUS786447 GEO786442:GEO786447 GOK786442:GOK786447 GYG786442:GYG786447 HIC786442:HIC786447 HRY786442:HRY786447 IBU786442:IBU786447 ILQ786442:ILQ786447 IVM786442:IVM786447 JFI786442:JFI786447 JPE786442:JPE786447 JZA786442:JZA786447 KIW786442:KIW786447 KSS786442:KSS786447 LCO786442:LCO786447 LMK786442:LMK786447 LWG786442:LWG786447 MGC786442:MGC786447 MPY786442:MPY786447 MZU786442:MZU786447 NJQ786442:NJQ786447 NTM786442:NTM786447 ODI786442:ODI786447 ONE786442:ONE786447 OXA786442:OXA786447 PGW786442:PGW786447 PQS786442:PQS786447 QAO786442:QAO786447 QKK786442:QKK786447 QUG786442:QUG786447 REC786442:REC786447 RNY786442:RNY786447 RXU786442:RXU786447 SHQ786442:SHQ786447 SRM786442:SRM786447 TBI786442:TBI786447 TLE786442:TLE786447 TVA786442:TVA786447 UEW786442:UEW786447 UOS786442:UOS786447 UYO786442:UYO786447 VIK786442:VIK786447 VSG786442:VSG786447 WCC786442:WCC786447 WLY786442:WLY786447 WVU786442:WVU786447 M851978:M851983 JI851978:JI851983 TE851978:TE851983 ADA851978:ADA851983 AMW851978:AMW851983 AWS851978:AWS851983 BGO851978:BGO851983 BQK851978:BQK851983 CAG851978:CAG851983 CKC851978:CKC851983 CTY851978:CTY851983 DDU851978:DDU851983 DNQ851978:DNQ851983 DXM851978:DXM851983 EHI851978:EHI851983 ERE851978:ERE851983 FBA851978:FBA851983 FKW851978:FKW851983 FUS851978:FUS851983 GEO851978:GEO851983 GOK851978:GOK851983 GYG851978:GYG851983 HIC851978:HIC851983 HRY851978:HRY851983 IBU851978:IBU851983 ILQ851978:ILQ851983 IVM851978:IVM851983 JFI851978:JFI851983 JPE851978:JPE851983 JZA851978:JZA851983 KIW851978:KIW851983 KSS851978:KSS851983 LCO851978:LCO851983 LMK851978:LMK851983 LWG851978:LWG851983 MGC851978:MGC851983 MPY851978:MPY851983 MZU851978:MZU851983 NJQ851978:NJQ851983 NTM851978:NTM851983 ODI851978:ODI851983 ONE851978:ONE851983 OXA851978:OXA851983 PGW851978:PGW851983 PQS851978:PQS851983 QAO851978:QAO851983 QKK851978:QKK851983 QUG851978:QUG851983 REC851978:REC851983 RNY851978:RNY851983 RXU851978:RXU851983 SHQ851978:SHQ851983 SRM851978:SRM851983 TBI851978:TBI851983 TLE851978:TLE851983 TVA851978:TVA851983 UEW851978:UEW851983 UOS851978:UOS851983 UYO851978:UYO851983 VIK851978:VIK851983 VSG851978:VSG851983 WCC851978:WCC851983 WLY851978:WLY851983 WVU851978:WVU851983 M917514:M917519 JI917514:JI917519 TE917514:TE917519 ADA917514:ADA917519 AMW917514:AMW917519 AWS917514:AWS917519 BGO917514:BGO917519 BQK917514:BQK917519 CAG917514:CAG917519 CKC917514:CKC917519 CTY917514:CTY917519 DDU917514:DDU917519 DNQ917514:DNQ917519 DXM917514:DXM917519 EHI917514:EHI917519 ERE917514:ERE917519 FBA917514:FBA917519 FKW917514:FKW917519 FUS917514:FUS917519 GEO917514:GEO917519 GOK917514:GOK917519 GYG917514:GYG917519 HIC917514:HIC917519 HRY917514:HRY917519 IBU917514:IBU917519 ILQ917514:ILQ917519 IVM917514:IVM917519 JFI917514:JFI917519 JPE917514:JPE917519 JZA917514:JZA917519 KIW917514:KIW917519 KSS917514:KSS917519 LCO917514:LCO917519 LMK917514:LMK917519 LWG917514:LWG917519 MGC917514:MGC917519 MPY917514:MPY917519 MZU917514:MZU917519 NJQ917514:NJQ917519 NTM917514:NTM917519 ODI917514:ODI917519 ONE917514:ONE917519 OXA917514:OXA917519 PGW917514:PGW917519 PQS917514:PQS917519 QAO917514:QAO917519 QKK917514:QKK917519 QUG917514:QUG917519 REC917514:REC917519 RNY917514:RNY917519 RXU917514:RXU917519 SHQ917514:SHQ917519 SRM917514:SRM917519 TBI917514:TBI917519 TLE917514:TLE917519 TVA917514:TVA917519 UEW917514:UEW917519 UOS917514:UOS917519 UYO917514:UYO917519 VIK917514:VIK917519 VSG917514:VSG917519 WCC917514:WCC917519 WLY917514:WLY917519 WVU917514:WVU917519 M983050:M983055 JI983050:JI983055 TE983050:TE983055 ADA983050:ADA983055 AMW983050:AMW983055 AWS983050:AWS983055 BGO983050:BGO983055 BQK983050:BQK983055 CAG983050:CAG983055 CKC983050:CKC983055 CTY983050:CTY983055 DDU983050:DDU983055 DNQ983050:DNQ983055 DXM983050:DXM983055 EHI983050:EHI983055 ERE983050:ERE983055 FBA983050:FBA983055 FKW983050:FKW983055 FUS983050:FUS983055 GEO983050:GEO983055 GOK983050:GOK983055 GYG983050:GYG983055 HIC983050:HIC983055 HRY983050:HRY983055 IBU983050:IBU983055 ILQ983050:ILQ983055 IVM983050:IVM983055 JFI983050:JFI983055 JPE983050:JPE983055 JZA983050:JZA983055 KIW983050:KIW983055 KSS983050:KSS983055 LCO983050:LCO983055 LMK983050:LMK983055 LWG983050:LWG983055 MGC983050:MGC983055 MPY983050:MPY983055 MZU983050:MZU983055 NJQ983050:NJQ983055 NTM983050:NTM983055 ODI983050:ODI983055 ONE983050:ONE983055 OXA983050:OXA983055 PGW983050:PGW983055 PQS983050:PQS983055 QAO983050:QAO983055 QKK983050:QKK983055 QUG983050:QUG983055 REC983050:REC983055 RNY983050:RNY983055 RXU983050:RXU983055 SHQ983050:SHQ983055 SRM983050:SRM983055 TBI983050:TBI983055 TLE983050:TLE983055 TVA983050:TVA983055 UEW983050:UEW983055 UOS983050:UOS983055 UYO983050:UYO983055 VIK983050:VIK983055 VSG983050:VSG983055 WCC983050:WCC983055 WLY983050:WLY983055 WVU983050:WVU983055 I12 JE12 TA12 ACW12 AMS12 AWO12 BGK12 BQG12 CAC12 CJY12 CTU12 DDQ12 DNM12 DXI12 EHE12 ERA12 FAW12 FKS12 FUO12 GEK12 GOG12 GYC12 HHY12 HRU12 IBQ12 ILM12 IVI12 JFE12 JPA12 JYW12 KIS12 KSO12 LCK12 LMG12 LWC12 MFY12 MPU12 MZQ12 NJM12 NTI12 ODE12 ONA12 OWW12 PGS12 PQO12 QAK12 QKG12 QUC12 RDY12 RNU12 RXQ12 SHM12 SRI12 TBE12 TLA12 TUW12 UES12 UOO12 UYK12 VIG12 VSC12 WBY12 WLU12 WVQ12 I65548 JE65548 TA65548 ACW65548 AMS65548 AWO65548 BGK65548 BQG65548 CAC65548 CJY65548 CTU65548 DDQ65548 DNM65548 DXI65548 EHE65548 ERA65548 FAW65548 FKS65548 FUO65548 GEK65548 GOG65548 GYC65548 HHY65548 HRU65548 IBQ65548 ILM65548 IVI65548 JFE65548 JPA65548 JYW65548 KIS65548 KSO65548 LCK65548 LMG65548 LWC65548 MFY65548 MPU65548 MZQ65548 NJM65548 NTI65548 ODE65548 ONA65548 OWW65548 PGS65548 PQO65548 QAK65548 QKG65548 QUC65548 RDY65548 RNU65548 RXQ65548 SHM65548 SRI65548 TBE65548 TLA65548 TUW65548 UES65548 UOO65548 UYK65548 VIG65548 VSC65548 WBY65548 WLU65548 WVQ65548 I131084 JE131084 TA131084 ACW131084 AMS131084 AWO131084 BGK131084 BQG131084 CAC131084 CJY131084 CTU131084 DDQ131084 DNM131084 DXI131084 EHE131084 ERA131084 FAW131084 FKS131084 FUO131084 GEK131084 GOG131084 GYC131084 HHY131084 HRU131084 IBQ131084 ILM131084 IVI131084 JFE131084 JPA131084 JYW131084 KIS131084 KSO131084 LCK131084 LMG131084 LWC131084 MFY131084 MPU131084 MZQ131084 NJM131084 NTI131084 ODE131084 ONA131084 OWW131084 PGS131084 PQO131084 QAK131084 QKG131084 QUC131084 RDY131084 RNU131084 RXQ131084 SHM131084 SRI131084 TBE131084 TLA131084 TUW131084 UES131084 UOO131084 UYK131084 VIG131084 VSC131084 WBY131084 WLU131084 WVQ131084 I196620 JE196620 TA196620 ACW196620 AMS196620 AWO196620 BGK196620 BQG196620 CAC196620 CJY196620 CTU196620 DDQ196620 DNM196620 DXI196620 EHE196620 ERA196620 FAW196620 FKS196620 FUO196620 GEK196620 GOG196620 GYC196620 HHY196620 HRU196620 IBQ196620 ILM196620 IVI196620 JFE196620 JPA196620 JYW196620 KIS196620 KSO196620 LCK196620 LMG196620 LWC196620 MFY196620 MPU196620 MZQ196620 NJM196620 NTI196620 ODE196620 ONA196620 OWW196620 PGS196620 PQO196620 QAK196620 QKG196620 QUC196620 RDY196620 RNU196620 RXQ196620 SHM196620 SRI196620 TBE196620 TLA196620 TUW196620 UES196620 UOO196620 UYK196620 VIG196620 VSC196620 WBY196620 WLU196620 WVQ196620 I262156 JE262156 TA262156 ACW262156 AMS262156 AWO262156 BGK262156 BQG262156 CAC262156 CJY262156 CTU262156 DDQ262156 DNM262156 DXI262156 EHE262156 ERA262156 FAW262156 FKS262156 FUO262156 GEK262156 GOG262156 GYC262156 HHY262156 HRU262156 IBQ262156 ILM262156 IVI262156 JFE262156 JPA262156 JYW262156 KIS262156 KSO262156 LCK262156 LMG262156 LWC262156 MFY262156 MPU262156 MZQ262156 NJM262156 NTI262156 ODE262156 ONA262156 OWW262156 PGS262156 PQO262156 QAK262156 QKG262156 QUC262156 RDY262156 RNU262156 RXQ262156 SHM262156 SRI262156 TBE262156 TLA262156 TUW262156 UES262156 UOO262156 UYK262156 VIG262156 VSC262156 WBY262156 WLU262156 WVQ262156 I327692 JE327692 TA327692 ACW327692 AMS327692 AWO327692 BGK327692 BQG327692 CAC327692 CJY327692 CTU327692 DDQ327692 DNM327692 DXI327692 EHE327692 ERA327692 FAW327692 FKS327692 FUO327692 GEK327692 GOG327692 GYC327692 HHY327692 HRU327692 IBQ327692 ILM327692 IVI327692 JFE327692 JPA327692 JYW327692 KIS327692 KSO327692 LCK327692 LMG327692 LWC327692 MFY327692 MPU327692 MZQ327692 NJM327692 NTI327692 ODE327692 ONA327692 OWW327692 PGS327692 PQO327692 QAK327692 QKG327692 QUC327692 RDY327692 RNU327692 RXQ327692 SHM327692 SRI327692 TBE327692 TLA327692 TUW327692 UES327692 UOO327692 UYK327692 VIG327692 VSC327692 WBY327692 WLU327692 WVQ327692 I393228 JE393228 TA393228 ACW393228 AMS393228 AWO393228 BGK393228 BQG393228 CAC393228 CJY393228 CTU393228 DDQ393228 DNM393228 DXI393228 EHE393228 ERA393228 FAW393228 FKS393228 FUO393228 GEK393228 GOG393228 GYC393228 HHY393228 HRU393228 IBQ393228 ILM393228 IVI393228 JFE393228 JPA393228 JYW393228 KIS393228 KSO393228 LCK393228 LMG393228 LWC393228 MFY393228 MPU393228 MZQ393228 NJM393228 NTI393228 ODE393228 ONA393228 OWW393228 PGS393228 PQO393228 QAK393228 QKG393228 QUC393228 RDY393228 RNU393228 RXQ393228 SHM393228 SRI393228 TBE393228 TLA393228 TUW393228 UES393228 UOO393228 UYK393228 VIG393228 VSC393228 WBY393228 WLU393228 WVQ393228 I458764 JE458764 TA458764 ACW458764 AMS458764 AWO458764 BGK458764 BQG458764 CAC458764 CJY458764 CTU458764 DDQ458764 DNM458764 DXI458764 EHE458764 ERA458764 FAW458764 FKS458764 FUO458764 GEK458764 GOG458764 GYC458764 HHY458764 HRU458764 IBQ458764 ILM458764 IVI458764 JFE458764 JPA458764 JYW458764 KIS458764 KSO458764 LCK458764 LMG458764 LWC458764 MFY458764 MPU458764 MZQ458764 NJM458764 NTI458764 ODE458764 ONA458764 OWW458764 PGS458764 PQO458764 QAK458764 QKG458764 QUC458764 RDY458764 RNU458764 RXQ458764 SHM458764 SRI458764 TBE458764 TLA458764 TUW458764 UES458764 UOO458764 UYK458764 VIG458764 VSC458764 WBY458764 WLU458764 WVQ458764 I524300 JE524300 TA524300 ACW524300 AMS524300 AWO524300 BGK524300 BQG524300 CAC524300 CJY524300 CTU524300 DDQ524300 DNM524300 DXI524300 EHE524300 ERA524300 FAW524300 FKS524300 FUO524300 GEK524300 GOG524300 GYC524300 HHY524300 HRU524300 IBQ524300 ILM524300 IVI524300 JFE524300 JPA524300 JYW524300 KIS524300 KSO524300 LCK524300 LMG524300 LWC524300 MFY524300 MPU524300 MZQ524300 NJM524300 NTI524300 ODE524300 ONA524300 OWW524300 PGS524300 PQO524300 QAK524300 QKG524300 QUC524300 RDY524300 RNU524300 RXQ524300 SHM524300 SRI524300 TBE524300 TLA524300 TUW524300 UES524300 UOO524300 UYK524300 VIG524300 VSC524300 WBY524300 WLU524300 WVQ524300 I589836 JE589836 TA589836 ACW589836 AMS589836 AWO589836 BGK589836 BQG589836 CAC589836 CJY589836 CTU589836 DDQ589836 DNM589836 DXI589836 EHE589836 ERA589836 FAW589836 FKS589836 FUO589836 GEK589836 GOG589836 GYC589836 HHY589836 HRU589836 IBQ589836 ILM589836 IVI589836 JFE589836 JPA589836 JYW589836 KIS589836 KSO589836 LCK589836 LMG589836 LWC589836 MFY589836 MPU589836 MZQ589836 NJM589836 NTI589836 ODE589836 ONA589836 OWW589836 PGS589836 PQO589836 QAK589836 QKG589836 QUC589836 RDY589836 RNU589836 RXQ589836 SHM589836 SRI589836 TBE589836 TLA589836 TUW589836 UES589836 UOO589836 UYK589836 VIG589836 VSC589836 WBY589836 WLU589836 WVQ589836 I655372 JE655372 TA655372 ACW655372 AMS655372 AWO655372 BGK655372 BQG655372 CAC655372 CJY655372 CTU655372 DDQ655372 DNM655372 DXI655372 EHE655372 ERA655372 FAW655372 FKS655372 FUO655372 GEK655372 GOG655372 GYC655372 HHY655372 HRU655372 IBQ655372 ILM655372 IVI655372 JFE655372 JPA655372 JYW655372 KIS655372 KSO655372 LCK655372 LMG655372 LWC655372 MFY655372 MPU655372 MZQ655372 NJM655372 NTI655372 ODE655372 ONA655372 OWW655372 PGS655372 PQO655372 QAK655372 QKG655372 QUC655372 RDY655372 RNU655372 RXQ655372 SHM655372 SRI655372 TBE655372 TLA655372 TUW655372 UES655372 UOO655372 UYK655372 VIG655372 VSC655372 WBY655372 WLU655372 WVQ655372 I720908 JE720908 TA720908 ACW720908 AMS720908 AWO720908 BGK720908 BQG720908 CAC720908 CJY720908 CTU720908 DDQ720908 DNM720908 DXI720908 EHE720908 ERA720908 FAW720908 FKS720908 FUO720908 GEK720908 GOG720908 GYC720908 HHY720908 HRU720908 IBQ720908 ILM720908 IVI720908 JFE720908 JPA720908 JYW720908 KIS720908 KSO720908 LCK720908 LMG720908 LWC720908 MFY720908 MPU720908 MZQ720908 NJM720908 NTI720908 ODE720908 ONA720908 OWW720908 PGS720908 PQO720908 QAK720908 QKG720908 QUC720908 RDY720908 RNU720908 RXQ720908 SHM720908 SRI720908 TBE720908 TLA720908 TUW720908 UES720908 UOO720908 UYK720908 VIG720908 VSC720908 WBY720908 WLU720908 WVQ720908 I786444 JE786444 TA786444 ACW786444 AMS786444 AWO786444 BGK786444 BQG786444 CAC786444 CJY786444 CTU786444 DDQ786444 DNM786444 DXI786444 EHE786444 ERA786444 FAW786444 FKS786444 FUO786444 GEK786444 GOG786444 GYC786444 HHY786444 HRU786444 IBQ786444 ILM786444 IVI786444 JFE786444 JPA786444 JYW786444 KIS786444 KSO786444 LCK786444 LMG786444 LWC786444 MFY786444 MPU786444 MZQ786444 NJM786444 NTI786444 ODE786444 ONA786444 OWW786444 PGS786444 PQO786444 QAK786444 QKG786444 QUC786444 RDY786444 RNU786444 RXQ786444 SHM786444 SRI786444 TBE786444 TLA786444 TUW786444 UES786444 UOO786444 UYK786444 VIG786444 VSC786444 WBY786444 WLU786444 WVQ786444 I851980 JE851980 TA851980 ACW851980 AMS851980 AWO851980 BGK851980 BQG851980 CAC851980 CJY851980 CTU851980 DDQ851980 DNM851980 DXI851980 EHE851980 ERA851980 FAW851980 FKS851980 FUO851980 GEK851980 GOG851980 GYC851980 HHY851980 HRU851980 IBQ851980 ILM851980 IVI851980 JFE851980 JPA851980 JYW851980 KIS851980 KSO851980 LCK851980 LMG851980 LWC851980 MFY851980 MPU851980 MZQ851980 NJM851980 NTI851980 ODE851980 ONA851980 OWW851980 PGS851980 PQO851980 QAK851980 QKG851980 QUC851980 RDY851980 RNU851980 RXQ851980 SHM851980 SRI851980 TBE851980 TLA851980 TUW851980 UES851980 UOO851980 UYK851980 VIG851980 VSC851980 WBY851980 WLU851980 WVQ851980 I917516 JE917516 TA917516 ACW917516 AMS917516 AWO917516 BGK917516 BQG917516 CAC917516 CJY917516 CTU917516 DDQ917516 DNM917516 DXI917516 EHE917516 ERA917516 FAW917516 FKS917516 FUO917516 GEK917516 GOG917516 GYC917516 HHY917516 HRU917516 IBQ917516 ILM917516 IVI917516 JFE917516 JPA917516 JYW917516 KIS917516 KSO917516 LCK917516 LMG917516 LWC917516 MFY917516 MPU917516 MZQ917516 NJM917516 NTI917516 ODE917516 ONA917516 OWW917516 PGS917516 PQO917516 QAK917516 QKG917516 QUC917516 RDY917516 RNU917516 RXQ917516 SHM917516 SRI917516 TBE917516 TLA917516 TUW917516 UES917516 UOO917516 UYK917516 VIG917516 VSC917516 WBY917516 WLU917516 WVQ917516 I983052 JE983052 TA983052 ACW983052 AMS983052 AWO983052 BGK983052 BQG983052 CAC983052 CJY983052 CTU983052 DDQ983052 DNM983052 DXI983052 EHE983052 ERA983052 FAW983052 FKS983052 FUO983052 GEK983052 GOG983052 GYC983052 HHY983052 HRU983052 IBQ983052 ILM983052 IVI983052 JFE983052 JPA983052 JYW983052 KIS983052 KSO983052 LCK983052 LMG983052 LWC983052 MFY983052 MPU983052 MZQ983052 NJM983052 NTI983052 ODE983052 ONA983052 OWW983052 PGS983052 PQO983052 QAK983052 QKG983052 QUC983052 RDY983052 RNU983052 RXQ983052 SHM983052 SRI983052 TBE983052 TLA983052 TUW983052 UES983052 UOO983052 UYK983052 VIG983052 VSC983052 WBY983052 WLU983052 WVQ983052 I14 JE14 TA14 ACW14 AMS14 AWO14 BGK14 BQG14 CAC14 CJY14 CTU14 DDQ14 DNM14 DXI14 EHE14 ERA14 FAW14 FKS14 FUO14 GEK14 GOG14 GYC14 HHY14 HRU14 IBQ14 ILM14 IVI14 JFE14 JPA14 JYW14 KIS14 KSO14 LCK14 LMG14 LWC14 MFY14 MPU14 MZQ14 NJM14 NTI14 ODE14 ONA14 OWW14 PGS14 PQO14 QAK14 QKG14 QUC14 RDY14 RNU14 RXQ14 SHM14 SRI14 TBE14 TLA14 TUW14 UES14 UOO14 UYK14 VIG14 VSC14 WBY14 WLU14 WVQ14 I65550 JE65550 TA65550 ACW65550 AMS65550 AWO65550 BGK65550 BQG65550 CAC65550 CJY65550 CTU65550 DDQ65550 DNM65550 DXI65550 EHE65550 ERA65550 FAW65550 FKS65550 FUO65550 GEK65550 GOG65550 GYC65550 HHY65550 HRU65550 IBQ65550 ILM65550 IVI65550 JFE65550 JPA65550 JYW65550 KIS65550 KSO65550 LCK65550 LMG65550 LWC65550 MFY65550 MPU65550 MZQ65550 NJM65550 NTI65550 ODE65550 ONA65550 OWW65550 PGS65550 PQO65550 QAK65550 QKG65550 QUC65550 RDY65550 RNU65550 RXQ65550 SHM65550 SRI65550 TBE65550 TLA65550 TUW65550 UES65550 UOO65550 UYK65550 VIG65550 VSC65550 WBY65550 WLU65550 WVQ65550 I131086 JE131086 TA131086 ACW131086 AMS131086 AWO131086 BGK131086 BQG131086 CAC131086 CJY131086 CTU131086 DDQ131086 DNM131086 DXI131086 EHE131086 ERA131086 FAW131086 FKS131086 FUO131086 GEK131086 GOG131086 GYC131086 HHY131086 HRU131086 IBQ131086 ILM131086 IVI131086 JFE131086 JPA131086 JYW131086 KIS131086 KSO131086 LCK131086 LMG131086 LWC131086 MFY131086 MPU131086 MZQ131086 NJM131086 NTI131086 ODE131086 ONA131086 OWW131086 PGS131086 PQO131086 QAK131086 QKG131086 QUC131086 RDY131086 RNU131086 RXQ131086 SHM131086 SRI131086 TBE131086 TLA131086 TUW131086 UES131086 UOO131086 UYK131086 VIG131086 VSC131086 WBY131086 WLU131086 WVQ131086 I196622 JE196622 TA196622 ACW196622 AMS196622 AWO196622 BGK196622 BQG196622 CAC196622 CJY196622 CTU196622 DDQ196622 DNM196622 DXI196622 EHE196622 ERA196622 FAW196622 FKS196622 FUO196622 GEK196622 GOG196622 GYC196622 HHY196622 HRU196622 IBQ196622 ILM196622 IVI196622 JFE196622 JPA196622 JYW196622 KIS196622 KSO196622 LCK196622 LMG196622 LWC196622 MFY196622 MPU196622 MZQ196622 NJM196622 NTI196622 ODE196622 ONA196622 OWW196622 PGS196622 PQO196622 QAK196622 QKG196622 QUC196622 RDY196622 RNU196622 RXQ196622 SHM196622 SRI196622 TBE196622 TLA196622 TUW196622 UES196622 UOO196622 UYK196622 VIG196622 VSC196622 WBY196622 WLU196622 WVQ196622 I262158 JE262158 TA262158 ACW262158 AMS262158 AWO262158 BGK262158 BQG262158 CAC262158 CJY262158 CTU262158 DDQ262158 DNM262158 DXI262158 EHE262158 ERA262158 FAW262158 FKS262158 FUO262158 GEK262158 GOG262158 GYC262158 HHY262158 HRU262158 IBQ262158 ILM262158 IVI262158 JFE262158 JPA262158 JYW262158 KIS262158 KSO262158 LCK262158 LMG262158 LWC262158 MFY262158 MPU262158 MZQ262158 NJM262158 NTI262158 ODE262158 ONA262158 OWW262158 PGS262158 PQO262158 QAK262158 QKG262158 QUC262158 RDY262158 RNU262158 RXQ262158 SHM262158 SRI262158 TBE262158 TLA262158 TUW262158 UES262158 UOO262158 UYK262158 VIG262158 VSC262158 WBY262158 WLU262158 WVQ262158 I327694 JE327694 TA327694 ACW327694 AMS327694 AWO327694 BGK327694 BQG327694 CAC327694 CJY327694 CTU327694 DDQ327694 DNM327694 DXI327694 EHE327694 ERA327694 FAW327694 FKS327694 FUO327694 GEK327694 GOG327694 GYC327694 HHY327694 HRU327694 IBQ327694 ILM327694 IVI327694 JFE327694 JPA327694 JYW327694 KIS327694 KSO327694 LCK327694 LMG327694 LWC327694 MFY327694 MPU327694 MZQ327694 NJM327694 NTI327694 ODE327694 ONA327694 OWW327694 PGS327694 PQO327694 QAK327694 QKG327694 QUC327694 RDY327694 RNU327694 RXQ327694 SHM327694 SRI327694 TBE327694 TLA327694 TUW327694 UES327694 UOO327694 UYK327694 VIG327694 VSC327694 WBY327694 WLU327694 WVQ327694 I393230 JE393230 TA393230 ACW393230 AMS393230 AWO393230 BGK393230 BQG393230 CAC393230 CJY393230 CTU393230 DDQ393230 DNM393230 DXI393230 EHE393230 ERA393230 FAW393230 FKS393230 FUO393230 GEK393230 GOG393230 GYC393230 HHY393230 HRU393230 IBQ393230 ILM393230 IVI393230 JFE393230 JPA393230 JYW393230 KIS393230 KSO393230 LCK393230 LMG393230 LWC393230 MFY393230 MPU393230 MZQ393230 NJM393230 NTI393230 ODE393230 ONA393230 OWW393230 PGS393230 PQO393230 QAK393230 QKG393230 QUC393230 RDY393230 RNU393230 RXQ393230 SHM393230 SRI393230 TBE393230 TLA393230 TUW393230 UES393230 UOO393230 UYK393230 VIG393230 VSC393230 WBY393230 WLU393230 WVQ393230 I458766 JE458766 TA458766 ACW458766 AMS458766 AWO458766 BGK458766 BQG458766 CAC458766 CJY458766 CTU458766 DDQ458766 DNM458766 DXI458766 EHE458766 ERA458766 FAW458766 FKS458766 FUO458766 GEK458766 GOG458766 GYC458766 HHY458766 HRU458766 IBQ458766 ILM458766 IVI458766 JFE458766 JPA458766 JYW458766 KIS458766 KSO458766 LCK458766 LMG458766 LWC458766 MFY458766 MPU458766 MZQ458766 NJM458766 NTI458766 ODE458766 ONA458766 OWW458766 PGS458766 PQO458766 QAK458766 QKG458766 QUC458766 RDY458766 RNU458766 RXQ458766 SHM458766 SRI458766 TBE458766 TLA458766 TUW458766 UES458766 UOO458766 UYK458766 VIG458766 VSC458766 WBY458766 WLU458766 WVQ458766 I524302 JE524302 TA524302 ACW524302 AMS524302 AWO524302 BGK524302 BQG524302 CAC524302 CJY524302 CTU524302 DDQ524302 DNM524302 DXI524302 EHE524302 ERA524302 FAW524302 FKS524302 FUO524302 GEK524302 GOG524302 GYC524302 HHY524302 HRU524302 IBQ524302 ILM524302 IVI524302 JFE524302 JPA524302 JYW524302 KIS524302 KSO524302 LCK524302 LMG524302 LWC524302 MFY524302 MPU524302 MZQ524302 NJM524302 NTI524302 ODE524302 ONA524302 OWW524302 PGS524302 PQO524302 QAK524302 QKG524302 QUC524302 RDY524302 RNU524302 RXQ524302 SHM524302 SRI524302 TBE524302 TLA524302 TUW524302 UES524302 UOO524302 UYK524302 VIG524302 VSC524302 WBY524302 WLU524302 WVQ524302 I589838 JE589838 TA589838 ACW589838 AMS589838 AWO589838 BGK589838 BQG589838 CAC589838 CJY589838 CTU589838 DDQ589838 DNM589838 DXI589838 EHE589838 ERA589838 FAW589838 FKS589838 FUO589838 GEK589838 GOG589838 GYC589838 HHY589838 HRU589838 IBQ589838 ILM589838 IVI589838 JFE589838 JPA589838 JYW589838 KIS589838 KSO589838 LCK589838 LMG589838 LWC589838 MFY589838 MPU589838 MZQ589838 NJM589838 NTI589838 ODE589838 ONA589838 OWW589838 PGS589838 PQO589838 QAK589838 QKG589838 QUC589838 RDY589838 RNU589838 RXQ589838 SHM589838 SRI589838 TBE589838 TLA589838 TUW589838 UES589838 UOO589838 UYK589838 VIG589838 VSC589838 WBY589838 WLU589838 WVQ589838 I655374 JE655374 TA655374 ACW655374 AMS655374 AWO655374 BGK655374 BQG655374 CAC655374 CJY655374 CTU655374 DDQ655374 DNM655374 DXI655374 EHE655374 ERA655374 FAW655374 FKS655374 FUO655374 GEK655374 GOG655374 GYC655374 HHY655374 HRU655374 IBQ655374 ILM655374 IVI655374 JFE655374 JPA655374 JYW655374 KIS655374 KSO655374 LCK655374 LMG655374 LWC655374 MFY655374 MPU655374 MZQ655374 NJM655374 NTI655374 ODE655374 ONA655374 OWW655374 PGS655374 PQO655374 QAK655374 QKG655374 QUC655374 RDY655374 RNU655374 RXQ655374 SHM655374 SRI655374 TBE655374 TLA655374 TUW655374 UES655374 UOO655374 UYK655374 VIG655374 VSC655374 WBY655374 WLU655374 WVQ655374 I720910 JE720910 TA720910 ACW720910 AMS720910 AWO720910 BGK720910 BQG720910 CAC720910 CJY720910 CTU720910 DDQ720910 DNM720910 DXI720910 EHE720910 ERA720910 FAW720910 FKS720910 FUO720910 GEK720910 GOG720910 GYC720910 HHY720910 HRU720910 IBQ720910 ILM720910 IVI720910 JFE720910 JPA720910 JYW720910 KIS720910 KSO720910 LCK720910 LMG720910 LWC720910 MFY720910 MPU720910 MZQ720910 NJM720910 NTI720910 ODE720910 ONA720910 OWW720910 PGS720910 PQO720910 QAK720910 QKG720910 QUC720910 RDY720910 RNU720910 RXQ720910 SHM720910 SRI720910 TBE720910 TLA720910 TUW720910 UES720910 UOO720910 UYK720910 VIG720910 VSC720910 WBY720910 WLU720910 WVQ720910 I786446 JE786446 TA786446 ACW786446 AMS786446 AWO786446 BGK786446 BQG786446 CAC786446 CJY786446 CTU786446 DDQ786446 DNM786446 DXI786446 EHE786446 ERA786446 FAW786446 FKS786446 FUO786446 GEK786446 GOG786446 GYC786446 HHY786446 HRU786446 IBQ786446 ILM786446 IVI786446 JFE786446 JPA786446 JYW786446 KIS786446 KSO786446 LCK786446 LMG786446 LWC786446 MFY786446 MPU786446 MZQ786446 NJM786446 NTI786446 ODE786446 ONA786446 OWW786446 PGS786446 PQO786446 QAK786446 QKG786446 QUC786446 RDY786446 RNU786446 RXQ786446 SHM786446 SRI786446 TBE786446 TLA786446 TUW786446 UES786446 UOO786446 UYK786446 VIG786446 VSC786446 WBY786446 WLU786446 WVQ786446 I851982 JE851982 TA851982 ACW851982 AMS851982 AWO851982 BGK851982 BQG851982 CAC851982 CJY851982 CTU851982 DDQ851982 DNM851982 DXI851982 EHE851982 ERA851982 FAW851982 FKS851982 FUO851982 GEK851982 GOG851982 GYC851982 HHY851982 HRU851982 IBQ851982 ILM851982 IVI851982 JFE851982 JPA851982 JYW851982 KIS851982 KSO851982 LCK851982 LMG851982 LWC851982 MFY851982 MPU851982 MZQ851982 NJM851982 NTI851982 ODE851982 ONA851982 OWW851982 PGS851982 PQO851982 QAK851982 QKG851982 QUC851982 RDY851982 RNU851982 RXQ851982 SHM851982 SRI851982 TBE851982 TLA851982 TUW851982 UES851982 UOO851982 UYK851982 VIG851982 VSC851982 WBY851982 WLU851982 WVQ851982 I917518 JE917518 TA917518 ACW917518 AMS917518 AWO917518 BGK917518 BQG917518 CAC917518 CJY917518 CTU917518 DDQ917518 DNM917518 DXI917518 EHE917518 ERA917518 FAW917518 FKS917518 FUO917518 GEK917518 GOG917518 GYC917518 HHY917518 HRU917518 IBQ917518 ILM917518 IVI917518 JFE917518 JPA917518 JYW917518 KIS917518 KSO917518 LCK917518 LMG917518 LWC917518 MFY917518 MPU917518 MZQ917518 NJM917518 NTI917518 ODE917518 ONA917518 OWW917518 PGS917518 PQO917518 QAK917518 QKG917518 QUC917518 RDY917518 RNU917518 RXQ917518 SHM917518 SRI917518 TBE917518 TLA917518 TUW917518 UES917518 UOO917518 UYK917518 VIG917518 VSC917518 WBY917518 WLU917518 WVQ917518 I983054 JE983054 TA983054 ACW983054 AMS983054 AWO983054 BGK983054 BQG983054 CAC983054 CJY983054 CTU983054 DDQ983054 DNM983054 DXI983054 EHE983054 ERA983054 FAW983054 FKS983054 FUO983054 GEK983054 GOG983054 GYC983054 HHY983054 HRU983054 IBQ983054 ILM983054 IVI983054 JFE983054 JPA983054 JYW983054 KIS983054 KSO983054 LCK983054 LMG983054 LWC983054 MFY983054 MPU983054 MZQ983054 NJM983054 NTI983054 ODE983054 ONA983054 OWW983054 PGS983054 PQO983054 QAK983054 QKG983054 QUC983054 RDY983054 RNU983054 RXQ983054 SHM983054 SRI983054 TBE983054 TLA983054 TUW983054 UES983054 UOO983054 UYK983054 VIG983054 VSC983054 WBY983054 WLU983054 WVQ983054 I16:I21 JE16:JE21 TA16:TA21 ACW16:ACW21 AMS16:AMS21 AWO16:AWO21 BGK16:BGK21 BQG16:BQG21 CAC16:CAC21 CJY16:CJY21 CTU16:CTU21 DDQ16:DDQ21 DNM16:DNM21 DXI16:DXI21 EHE16:EHE21 ERA16:ERA21 FAW16:FAW21 FKS16:FKS21 FUO16:FUO21 GEK16:GEK21 GOG16:GOG21 GYC16:GYC21 HHY16:HHY21 HRU16:HRU21 IBQ16:IBQ21 ILM16:ILM21 IVI16:IVI21 JFE16:JFE21 JPA16:JPA21 JYW16:JYW21 KIS16:KIS21 KSO16:KSO21 LCK16:LCK21 LMG16:LMG21 LWC16:LWC21 MFY16:MFY21 MPU16:MPU21 MZQ16:MZQ21 NJM16:NJM21 NTI16:NTI21 ODE16:ODE21 ONA16:ONA21 OWW16:OWW21 PGS16:PGS21 PQO16:PQO21 QAK16:QAK21 QKG16:QKG21 QUC16:QUC21 RDY16:RDY21 RNU16:RNU21 RXQ16:RXQ21 SHM16:SHM21 SRI16:SRI21 TBE16:TBE21 TLA16:TLA21 TUW16:TUW21 UES16:UES21 UOO16:UOO21 UYK16:UYK21 VIG16:VIG21 VSC16:VSC21 WBY16:WBY21 WLU16:WLU21 WVQ16:WVQ21 I65552:I65557 JE65552:JE65557 TA65552:TA65557 ACW65552:ACW65557 AMS65552:AMS65557 AWO65552:AWO65557 BGK65552:BGK65557 BQG65552:BQG65557 CAC65552:CAC65557 CJY65552:CJY65557 CTU65552:CTU65557 DDQ65552:DDQ65557 DNM65552:DNM65557 DXI65552:DXI65557 EHE65552:EHE65557 ERA65552:ERA65557 FAW65552:FAW65557 FKS65552:FKS65557 FUO65552:FUO65557 GEK65552:GEK65557 GOG65552:GOG65557 GYC65552:GYC65557 HHY65552:HHY65557 HRU65552:HRU65557 IBQ65552:IBQ65557 ILM65552:ILM65557 IVI65552:IVI65557 JFE65552:JFE65557 JPA65552:JPA65557 JYW65552:JYW65557 KIS65552:KIS65557 KSO65552:KSO65557 LCK65552:LCK65557 LMG65552:LMG65557 LWC65552:LWC65557 MFY65552:MFY65557 MPU65552:MPU65557 MZQ65552:MZQ65557 NJM65552:NJM65557 NTI65552:NTI65557 ODE65552:ODE65557 ONA65552:ONA65557 OWW65552:OWW65557 PGS65552:PGS65557 PQO65552:PQO65557 QAK65552:QAK65557 QKG65552:QKG65557 QUC65552:QUC65557 RDY65552:RDY65557 RNU65552:RNU65557 RXQ65552:RXQ65557 SHM65552:SHM65557 SRI65552:SRI65557 TBE65552:TBE65557 TLA65552:TLA65557 TUW65552:TUW65557 UES65552:UES65557 UOO65552:UOO65557 UYK65552:UYK65557 VIG65552:VIG65557 VSC65552:VSC65557 WBY65552:WBY65557 WLU65552:WLU65557 WVQ65552:WVQ65557 I131088:I131093 JE131088:JE131093 TA131088:TA131093 ACW131088:ACW131093 AMS131088:AMS131093 AWO131088:AWO131093 BGK131088:BGK131093 BQG131088:BQG131093 CAC131088:CAC131093 CJY131088:CJY131093 CTU131088:CTU131093 DDQ131088:DDQ131093 DNM131088:DNM131093 DXI131088:DXI131093 EHE131088:EHE131093 ERA131088:ERA131093 FAW131088:FAW131093 FKS131088:FKS131093 FUO131088:FUO131093 GEK131088:GEK131093 GOG131088:GOG131093 GYC131088:GYC131093 HHY131088:HHY131093 HRU131088:HRU131093 IBQ131088:IBQ131093 ILM131088:ILM131093 IVI131088:IVI131093 JFE131088:JFE131093 JPA131088:JPA131093 JYW131088:JYW131093 KIS131088:KIS131093 KSO131088:KSO131093 LCK131088:LCK131093 LMG131088:LMG131093 LWC131088:LWC131093 MFY131088:MFY131093 MPU131088:MPU131093 MZQ131088:MZQ131093 NJM131088:NJM131093 NTI131088:NTI131093 ODE131088:ODE131093 ONA131088:ONA131093 OWW131088:OWW131093 PGS131088:PGS131093 PQO131088:PQO131093 QAK131088:QAK131093 QKG131088:QKG131093 QUC131088:QUC131093 RDY131088:RDY131093 RNU131088:RNU131093 RXQ131088:RXQ131093 SHM131088:SHM131093 SRI131088:SRI131093 TBE131088:TBE131093 TLA131088:TLA131093 TUW131088:TUW131093 UES131088:UES131093 UOO131088:UOO131093 UYK131088:UYK131093 VIG131088:VIG131093 VSC131088:VSC131093 WBY131088:WBY131093 WLU131088:WLU131093 WVQ131088:WVQ131093 I196624:I196629 JE196624:JE196629 TA196624:TA196629 ACW196624:ACW196629 AMS196624:AMS196629 AWO196624:AWO196629 BGK196624:BGK196629 BQG196624:BQG196629 CAC196624:CAC196629 CJY196624:CJY196629 CTU196624:CTU196629 DDQ196624:DDQ196629 DNM196624:DNM196629 DXI196624:DXI196629 EHE196624:EHE196629 ERA196624:ERA196629 FAW196624:FAW196629 FKS196624:FKS196629 FUO196624:FUO196629 GEK196624:GEK196629 GOG196624:GOG196629 GYC196624:GYC196629 HHY196624:HHY196629 HRU196624:HRU196629 IBQ196624:IBQ196629 ILM196624:ILM196629 IVI196624:IVI196629 JFE196624:JFE196629 JPA196624:JPA196629 JYW196624:JYW196629 KIS196624:KIS196629 KSO196624:KSO196629 LCK196624:LCK196629 LMG196624:LMG196629 LWC196624:LWC196629 MFY196624:MFY196629 MPU196624:MPU196629 MZQ196624:MZQ196629 NJM196624:NJM196629 NTI196624:NTI196629 ODE196624:ODE196629 ONA196624:ONA196629 OWW196624:OWW196629 PGS196624:PGS196629 PQO196624:PQO196629 QAK196624:QAK196629 QKG196624:QKG196629 QUC196624:QUC196629 RDY196624:RDY196629 RNU196624:RNU196629 RXQ196624:RXQ196629 SHM196624:SHM196629 SRI196624:SRI196629 TBE196624:TBE196629 TLA196624:TLA196629 TUW196624:TUW196629 UES196624:UES196629 UOO196624:UOO196629 UYK196624:UYK196629 VIG196624:VIG196629 VSC196624:VSC196629 WBY196624:WBY196629 WLU196624:WLU196629 WVQ196624:WVQ196629 I262160:I262165 JE262160:JE262165 TA262160:TA262165 ACW262160:ACW262165 AMS262160:AMS262165 AWO262160:AWO262165 BGK262160:BGK262165 BQG262160:BQG262165 CAC262160:CAC262165 CJY262160:CJY262165 CTU262160:CTU262165 DDQ262160:DDQ262165 DNM262160:DNM262165 DXI262160:DXI262165 EHE262160:EHE262165 ERA262160:ERA262165 FAW262160:FAW262165 FKS262160:FKS262165 FUO262160:FUO262165 GEK262160:GEK262165 GOG262160:GOG262165 GYC262160:GYC262165 HHY262160:HHY262165 HRU262160:HRU262165 IBQ262160:IBQ262165 ILM262160:ILM262165 IVI262160:IVI262165 JFE262160:JFE262165 JPA262160:JPA262165 JYW262160:JYW262165 KIS262160:KIS262165 KSO262160:KSO262165 LCK262160:LCK262165 LMG262160:LMG262165 LWC262160:LWC262165 MFY262160:MFY262165 MPU262160:MPU262165 MZQ262160:MZQ262165 NJM262160:NJM262165 NTI262160:NTI262165 ODE262160:ODE262165 ONA262160:ONA262165 OWW262160:OWW262165 PGS262160:PGS262165 PQO262160:PQO262165 QAK262160:QAK262165 QKG262160:QKG262165 QUC262160:QUC262165 RDY262160:RDY262165 RNU262160:RNU262165 RXQ262160:RXQ262165 SHM262160:SHM262165 SRI262160:SRI262165 TBE262160:TBE262165 TLA262160:TLA262165 TUW262160:TUW262165 UES262160:UES262165 UOO262160:UOO262165 UYK262160:UYK262165 VIG262160:VIG262165 VSC262160:VSC262165 WBY262160:WBY262165 WLU262160:WLU262165 WVQ262160:WVQ262165 I327696:I327701 JE327696:JE327701 TA327696:TA327701 ACW327696:ACW327701 AMS327696:AMS327701 AWO327696:AWO327701 BGK327696:BGK327701 BQG327696:BQG327701 CAC327696:CAC327701 CJY327696:CJY327701 CTU327696:CTU327701 DDQ327696:DDQ327701 DNM327696:DNM327701 DXI327696:DXI327701 EHE327696:EHE327701 ERA327696:ERA327701 FAW327696:FAW327701 FKS327696:FKS327701 FUO327696:FUO327701 GEK327696:GEK327701 GOG327696:GOG327701 GYC327696:GYC327701 HHY327696:HHY327701 HRU327696:HRU327701 IBQ327696:IBQ327701 ILM327696:ILM327701 IVI327696:IVI327701 JFE327696:JFE327701 JPA327696:JPA327701 JYW327696:JYW327701 KIS327696:KIS327701 KSO327696:KSO327701 LCK327696:LCK327701 LMG327696:LMG327701 LWC327696:LWC327701 MFY327696:MFY327701 MPU327696:MPU327701 MZQ327696:MZQ327701 NJM327696:NJM327701 NTI327696:NTI327701 ODE327696:ODE327701 ONA327696:ONA327701 OWW327696:OWW327701 PGS327696:PGS327701 PQO327696:PQO327701 QAK327696:QAK327701 QKG327696:QKG327701 QUC327696:QUC327701 RDY327696:RDY327701 RNU327696:RNU327701 RXQ327696:RXQ327701 SHM327696:SHM327701 SRI327696:SRI327701 TBE327696:TBE327701 TLA327696:TLA327701 TUW327696:TUW327701 UES327696:UES327701 UOO327696:UOO327701 UYK327696:UYK327701 VIG327696:VIG327701 VSC327696:VSC327701 WBY327696:WBY327701 WLU327696:WLU327701 WVQ327696:WVQ327701 I393232:I393237 JE393232:JE393237 TA393232:TA393237 ACW393232:ACW393237 AMS393232:AMS393237 AWO393232:AWO393237 BGK393232:BGK393237 BQG393232:BQG393237 CAC393232:CAC393237 CJY393232:CJY393237 CTU393232:CTU393237 DDQ393232:DDQ393237 DNM393232:DNM393237 DXI393232:DXI393237 EHE393232:EHE393237 ERA393232:ERA393237 FAW393232:FAW393237 FKS393232:FKS393237 FUO393232:FUO393237 GEK393232:GEK393237 GOG393232:GOG393237 GYC393232:GYC393237 HHY393232:HHY393237 HRU393232:HRU393237 IBQ393232:IBQ393237 ILM393232:ILM393237 IVI393232:IVI393237 JFE393232:JFE393237 JPA393232:JPA393237 JYW393232:JYW393237 KIS393232:KIS393237 KSO393232:KSO393237 LCK393232:LCK393237 LMG393232:LMG393237 LWC393232:LWC393237 MFY393232:MFY393237 MPU393232:MPU393237 MZQ393232:MZQ393237 NJM393232:NJM393237 NTI393232:NTI393237 ODE393232:ODE393237 ONA393232:ONA393237 OWW393232:OWW393237 PGS393232:PGS393237 PQO393232:PQO393237 QAK393232:QAK393237 QKG393232:QKG393237 QUC393232:QUC393237 RDY393232:RDY393237 RNU393232:RNU393237 RXQ393232:RXQ393237 SHM393232:SHM393237 SRI393232:SRI393237 TBE393232:TBE393237 TLA393232:TLA393237 TUW393232:TUW393237 UES393232:UES393237 UOO393232:UOO393237 UYK393232:UYK393237 VIG393232:VIG393237 VSC393232:VSC393237 WBY393232:WBY393237 WLU393232:WLU393237 WVQ393232:WVQ393237 I458768:I458773 JE458768:JE458773 TA458768:TA458773 ACW458768:ACW458773 AMS458768:AMS458773 AWO458768:AWO458773 BGK458768:BGK458773 BQG458768:BQG458773 CAC458768:CAC458773 CJY458768:CJY458773 CTU458768:CTU458773 DDQ458768:DDQ458773 DNM458768:DNM458773 DXI458768:DXI458773 EHE458768:EHE458773 ERA458768:ERA458773 FAW458768:FAW458773 FKS458768:FKS458773 FUO458768:FUO458773 GEK458768:GEK458773 GOG458768:GOG458773 GYC458768:GYC458773 HHY458768:HHY458773 HRU458768:HRU458773 IBQ458768:IBQ458773 ILM458768:ILM458773 IVI458768:IVI458773 JFE458768:JFE458773 JPA458768:JPA458773 JYW458768:JYW458773 KIS458768:KIS458773 KSO458768:KSO458773 LCK458768:LCK458773 LMG458768:LMG458773 LWC458768:LWC458773 MFY458768:MFY458773 MPU458768:MPU458773 MZQ458768:MZQ458773 NJM458768:NJM458773 NTI458768:NTI458773 ODE458768:ODE458773 ONA458768:ONA458773 OWW458768:OWW458773 PGS458768:PGS458773 PQO458768:PQO458773 QAK458768:QAK458773 QKG458768:QKG458773 QUC458768:QUC458773 RDY458768:RDY458773 RNU458768:RNU458773 RXQ458768:RXQ458773 SHM458768:SHM458773 SRI458768:SRI458773 TBE458768:TBE458773 TLA458768:TLA458773 TUW458768:TUW458773 UES458768:UES458773 UOO458768:UOO458773 UYK458768:UYK458773 VIG458768:VIG458773 VSC458768:VSC458773 WBY458768:WBY458773 WLU458768:WLU458773 WVQ458768:WVQ458773 I524304:I524309 JE524304:JE524309 TA524304:TA524309 ACW524304:ACW524309 AMS524304:AMS524309 AWO524304:AWO524309 BGK524304:BGK524309 BQG524304:BQG524309 CAC524304:CAC524309 CJY524304:CJY524309 CTU524304:CTU524309 DDQ524304:DDQ524309 DNM524304:DNM524309 DXI524304:DXI524309 EHE524304:EHE524309 ERA524304:ERA524309 FAW524304:FAW524309 FKS524304:FKS524309 FUO524304:FUO524309 GEK524304:GEK524309 GOG524304:GOG524309 GYC524304:GYC524309 HHY524304:HHY524309 HRU524304:HRU524309 IBQ524304:IBQ524309 ILM524304:ILM524309 IVI524304:IVI524309 JFE524304:JFE524309 JPA524304:JPA524309 JYW524304:JYW524309 KIS524304:KIS524309 KSO524304:KSO524309 LCK524304:LCK524309 LMG524304:LMG524309 LWC524304:LWC524309 MFY524304:MFY524309 MPU524304:MPU524309 MZQ524304:MZQ524309 NJM524304:NJM524309 NTI524304:NTI524309 ODE524304:ODE524309 ONA524304:ONA524309 OWW524304:OWW524309 PGS524304:PGS524309 PQO524304:PQO524309 QAK524304:QAK524309 QKG524304:QKG524309 QUC524304:QUC524309 RDY524304:RDY524309 RNU524304:RNU524309 RXQ524304:RXQ524309 SHM524304:SHM524309 SRI524304:SRI524309 TBE524304:TBE524309 TLA524304:TLA524309 TUW524304:TUW524309 UES524304:UES524309 UOO524304:UOO524309 UYK524304:UYK524309 VIG524304:VIG524309 VSC524304:VSC524309 WBY524304:WBY524309 WLU524304:WLU524309 WVQ524304:WVQ524309 I589840:I589845 JE589840:JE589845 TA589840:TA589845 ACW589840:ACW589845 AMS589840:AMS589845 AWO589840:AWO589845 BGK589840:BGK589845 BQG589840:BQG589845 CAC589840:CAC589845 CJY589840:CJY589845 CTU589840:CTU589845 DDQ589840:DDQ589845 DNM589840:DNM589845 DXI589840:DXI589845 EHE589840:EHE589845 ERA589840:ERA589845 FAW589840:FAW589845 FKS589840:FKS589845 FUO589840:FUO589845 GEK589840:GEK589845 GOG589840:GOG589845 GYC589840:GYC589845 HHY589840:HHY589845 HRU589840:HRU589845 IBQ589840:IBQ589845 ILM589840:ILM589845 IVI589840:IVI589845 JFE589840:JFE589845 JPA589840:JPA589845 JYW589840:JYW589845 KIS589840:KIS589845 KSO589840:KSO589845 LCK589840:LCK589845 LMG589840:LMG589845 LWC589840:LWC589845 MFY589840:MFY589845 MPU589840:MPU589845 MZQ589840:MZQ589845 NJM589840:NJM589845 NTI589840:NTI589845 ODE589840:ODE589845 ONA589840:ONA589845 OWW589840:OWW589845 PGS589840:PGS589845 PQO589840:PQO589845 QAK589840:QAK589845 QKG589840:QKG589845 QUC589840:QUC589845 RDY589840:RDY589845 RNU589840:RNU589845 RXQ589840:RXQ589845 SHM589840:SHM589845 SRI589840:SRI589845 TBE589840:TBE589845 TLA589840:TLA589845 TUW589840:TUW589845 UES589840:UES589845 UOO589840:UOO589845 UYK589840:UYK589845 VIG589840:VIG589845 VSC589840:VSC589845 WBY589840:WBY589845 WLU589840:WLU589845 WVQ589840:WVQ589845 I655376:I655381 JE655376:JE655381 TA655376:TA655381 ACW655376:ACW655381 AMS655376:AMS655381 AWO655376:AWO655381 BGK655376:BGK655381 BQG655376:BQG655381 CAC655376:CAC655381 CJY655376:CJY655381 CTU655376:CTU655381 DDQ655376:DDQ655381 DNM655376:DNM655381 DXI655376:DXI655381 EHE655376:EHE655381 ERA655376:ERA655381 FAW655376:FAW655381 FKS655376:FKS655381 FUO655376:FUO655381 GEK655376:GEK655381 GOG655376:GOG655381 GYC655376:GYC655381 HHY655376:HHY655381 HRU655376:HRU655381 IBQ655376:IBQ655381 ILM655376:ILM655381 IVI655376:IVI655381 JFE655376:JFE655381 JPA655376:JPA655381 JYW655376:JYW655381 KIS655376:KIS655381 KSO655376:KSO655381 LCK655376:LCK655381 LMG655376:LMG655381 LWC655376:LWC655381 MFY655376:MFY655381 MPU655376:MPU655381 MZQ655376:MZQ655381 NJM655376:NJM655381 NTI655376:NTI655381 ODE655376:ODE655381 ONA655376:ONA655381 OWW655376:OWW655381 PGS655376:PGS655381 PQO655376:PQO655381 QAK655376:QAK655381 QKG655376:QKG655381 QUC655376:QUC655381 RDY655376:RDY655381 RNU655376:RNU655381 RXQ655376:RXQ655381 SHM655376:SHM655381 SRI655376:SRI655381 TBE655376:TBE655381 TLA655376:TLA655381 TUW655376:TUW655381 UES655376:UES655381 UOO655376:UOO655381 UYK655376:UYK655381 VIG655376:VIG655381 VSC655376:VSC655381 WBY655376:WBY655381 WLU655376:WLU655381 WVQ655376:WVQ655381 I720912:I720917 JE720912:JE720917 TA720912:TA720917 ACW720912:ACW720917 AMS720912:AMS720917 AWO720912:AWO720917 BGK720912:BGK720917 BQG720912:BQG720917 CAC720912:CAC720917 CJY720912:CJY720917 CTU720912:CTU720917 DDQ720912:DDQ720917 DNM720912:DNM720917 DXI720912:DXI720917 EHE720912:EHE720917 ERA720912:ERA720917 FAW720912:FAW720917 FKS720912:FKS720917 FUO720912:FUO720917 GEK720912:GEK720917 GOG720912:GOG720917 GYC720912:GYC720917 HHY720912:HHY720917 HRU720912:HRU720917 IBQ720912:IBQ720917 ILM720912:ILM720917 IVI720912:IVI720917 JFE720912:JFE720917 JPA720912:JPA720917 JYW720912:JYW720917 KIS720912:KIS720917 KSO720912:KSO720917 LCK720912:LCK720917 LMG720912:LMG720917 LWC720912:LWC720917 MFY720912:MFY720917 MPU720912:MPU720917 MZQ720912:MZQ720917 NJM720912:NJM720917 NTI720912:NTI720917 ODE720912:ODE720917 ONA720912:ONA720917 OWW720912:OWW720917 PGS720912:PGS720917 PQO720912:PQO720917 QAK720912:QAK720917 QKG720912:QKG720917 QUC720912:QUC720917 RDY720912:RDY720917 RNU720912:RNU720917 RXQ720912:RXQ720917 SHM720912:SHM720917 SRI720912:SRI720917 TBE720912:TBE720917 TLA720912:TLA720917 TUW720912:TUW720917 UES720912:UES720917 UOO720912:UOO720917 UYK720912:UYK720917 VIG720912:VIG720917 VSC720912:VSC720917 WBY720912:WBY720917 WLU720912:WLU720917 WVQ720912:WVQ720917 I786448:I786453 JE786448:JE786453 TA786448:TA786453 ACW786448:ACW786453 AMS786448:AMS786453 AWO786448:AWO786453 BGK786448:BGK786453 BQG786448:BQG786453 CAC786448:CAC786453 CJY786448:CJY786453 CTU786448:CTU786453 DDQ786448:DDQ786453 DNM786448:DNM786453 DXI786448:DXI786453 EHE786448:EHE786453 ERA786448:ERA786453 FAW786448:FAW786453 FKS786448:FKS786453 FUO786448:FUO786453 GEK786448:GEK786453 GOG786448:GOG786453 GYC786448:GYC786453 HHY786448:HHY786453 HRU786448:HRU786453 IBQ786448:IBQ786453 ILM786448:ILM786453 IVI786448:IVI786453 JFE786448:JFE786453 JPA786448:JPA786453 JYW786448:JYW786453 KIS786448:KIS786453 KSO786448:KSO786453 LCK786448:LCK786453 LMG786448:LMG786453 LWC786448:LWC786453 MFY786448:MFY786453 MPU786448:MPU786453 MZQ786448:MZQ786453 NJM786448:NJM786453 NTI786448:NTI786453 ODE786448:ODE786453 ONA786448:ONA786453 OWW786448:OWW786453 PGS786448:PGS786453 PQO786448:PQO786453 QAK786448:QAK786453 QKG786448:QKG786453 QUC786448:QUC786453 RDY786448:RDY786453 RNU786448:RNU786453 RXQ786448:RXQ786453 SHM786448:SHM786453 SRI786448:SRI786453 TBE786448:TBE786453 TLA786448:TLA786453 TUW786448:TUW786453 UES786448:UES786453 UOO786448:UOO786453 UYK786448:UYK786453 VIG786448:VIG786453 VSC786448:VSC786453 WBY786448:WBY786453 WLU786448:WLU786453 WVQ786448:WVQ786453 I851984:I851989 JE851984:JE851989 TA851984:TA851989 ACW851984:ACW851989 AMS851984:AMS851989 AWO851984:AWO851989 BGK851984:BGK851989 BQG851984:BQG851989 CAC851984:CAC851989 CJY851984:CJY851989 CTU851984:CTU851989 DDQ851984:DDQ851989 DNM851984:DNM851989 DXI851984:DXI851989 EHE851984:EHE851989 ERA851984:ERA851989 FAW851984:FAW851989 FKS851984:FKS851989 FUO851984:FUO851989 GEK851984:GEK851989 GOG851984:GOG851989 GYC851984:GYC851989 HHY851984:HHY851989 HRU851984:HRU851989 IBQ851984:IBQ851989 ILM851984:ILM851989 IVI851984:IVI851989 JFE851984:JFE851989 JPA851984:JPA851989 JYW851984:JYW851989 KIS851984:KIS851989 KSO851984:KSO851989 LCK851984:LCK851989 LMG851984:LMG851989 LWC851984:LWC851989 MFY851984:MFY851989 MPU851984:MPU851989 MZQ851984:MZQ851989 NJM851984:NJM851989 NTI851984:NTI851989 ODE851984:ODE851989 ONA851984:ONA851989 OWW851984:OWW851989 PGS851984:PGS851989 PQO851984:PQO851989 QAK851984:QAK851989 QKG851984:QKG851989 QUC851984:QUC851989 RDY851984:RDY851989 RNU851984:RNU851989 RXQ851984:RXQ851989 SHM851984:SHM851989 SRI851984:SRI851989 TBE851984:TBE851989 TLA851984:TLA851989 TUW851984:TUW851989 UES851984:UES851989 UOO851984:UOO851989 UYK851984:UYK851989 VIG851984:VIG851989 VSC851984:VSC851989 WBY851984:WBY851989 WLU851984:WLU851989 WVQ851984:WVQ851989 I917520:I917525 JE917520:JE917525 TA917520:TA917525 ACW917520:ACW917525 AMS917520:AMS917525 AWO917520:AWO917525 BGK917520:BGK917525 BQG917520:BQG917525 CAC917520:CAC917525 CJY917520:CJY917525 CTU917520:CTU917525 DDQ917520:DDQ917525 DNM917520:DNM917525 DXI917520:DXI917525 EHE917520:EHE917525 ERA917520:ERA917525 FAW917520:FAW917525 FKS917520:FKS917525 FUO917520:FUO917525 GEK917520:GEK917525 GOG917520:GOG917525 GYC917520:GYC917525 HHY917520:HHY917525 HRU917520:HRU917525 IBQ917520:IBQ917525 ILM917520:ILM917525 IVI917520:IVI917525 JFE917520:JFE917525 JPA917520:JPA917525 JYW917520:JYW917525 KIS917520:KIS917525 KSO917520:KSO917525 LCK917520:LCK917525 LMG917520:LMG917525 LWC917520:LWC917525 MFY917520:MFY917525 MPU917520:MPU917525 MZQ917520:MZQ917525 NJM917520:NJM917525 NTI917520:NTI917525 ODE917520:ODE917525 ONA917520:ONA917525 OWW917520:OWW917525 PGS917520:PGS917525 PQO917520:PQO917525 QAK917520:QAK917525 QKG917520:QKG917525 QUC917520:QUC917525 RDY917520:RDY917525 RNU917520:RNU917525 RXQ917520:RXQ917525 SHM917520:SHM917525 SRI917520:SRI917525 TBE917520:TBE917525 TLA917520:TLA917525 TUW917520:TUW917525 UES917520:UES917525 UOO917520:UOO917525 UYK917520:UYK917525 VIG917520:VIG917525 VSC917520:VSC917525 WBY917520:WBY917525 WLU917520:WLU917525 WVQ917520:WVQ917525 I983056:I983061 JE983056:JE983061 TA983056:TA983061 ACW983056:ACW983061 AMS983056:AMS983061 AWO983056:AWO983061 BGK983056:BGK983061 BQG983056:BQG983061 CAC983056:CAC983061 CJY983056:CJY983061 CTU983056:CTU983061 DDQ983056:DDQ983061 DNM983056:DNM983061 DXI983056:DXI983061 EHE983056:EHE983061 ERA983056:ERA983061 FAW983056:FAW983061 FKS983056:FKS983061 FUO983056:FUO983061 GEK983056:GEK983061 GOG983056:GOG983061 GYC983056:GYC983061 HHY983056:HHY983061 HRU983056:HRU983061 IBQ983056:IBQ983061 ILM983056:ILM983061 IVI983056:IVI983061 JFE983056:JFE983061 JPA983056:JPA983061 JYW983056:JYW983061 KIS983056:KIS983061 KSO983056:KSO983061 LCK983056:LCK983061 LMG983056:LMG983061 LWC983056:LWC983061 MFY983056:MFY983061 MPU983056:MPU983061 MZQ983056:MZQ983061 NJM983056:NJM983061 NTI983056:NTI983061 ODE983056:ODE983061 ONA983056:ONA983061 OWW983056:OWW983061 PGS983056:PGS983061 PQO983056:PQO983061 QAK983056:QAK983061 QKG983056:QKG983061 QUC983056:QUC983061 RDY983056:RDY983061 RNU983056:RNU983061 RXQ983056:RXQ983061 SHM983056:SHM983061 SRI983056:SRI983061 TBE983056:TBE983061 TLA983056:TLA983061 TUW983056:TUW983061 UES983056:UES983061 UOO983056:UOO983061 UYK983056:UYK983061 VIG983056:VIG983061 VSC983056:VSC983061 WBY983056:WBY983061 WLU983056:WLU983061 WVQ983056:WVQ983061 L16 JH16 TD16 ACZ16 AMV16 AWR16 BGN16 BQJ16 CAF16 CKB16 CTX16 DDT16 DNP16 DXL16 EHH16 ERD16 FAZ16 FKV16 FUR16 GEN16 GOJ16 GYF16 HIB16 HRX16 IBT16 ILP16 IVL16 JFH16 JPD16 JYZ16 KIV16 KSR16 LCN16 LMJ16 LWF16 MGB16 MPX16 MZT16 NJP16 NTL16 ODH16 OND16 OWZ16 PGV16 PQR16 QAN16 QKJ16 QUF16 REB16 RNX16 RXT16 SHP16 SRL16 TBH16 TLD16 TUZ16 UEV16 UOR16 UYN16 VIJ16 VSF16 WCB16 WLX16 WVT16 L65552 JH65552 TD65552 ACZ65552 AMV65552 AWR65552 BGN65552 BQJ65552 CAF65552 CKB65552 CTX65552 DDT65552 DNP65552 DXL65552 EHH65552 ERD65552 FAZ65552 FKV65552 FUR65552 GEN65552 GOJ65552 GYF65552 HIB65552 HRX65552 IBT65552 ILP65552 IVL65552 JFH65552 JPD65552 JYZ65552 KIV65552 KSR65552 LCN65552 LMJ65552 LWF65552 MGB65552 MPX65552 MZT65552 NJP65552 NTL65552 ODH65552 OND65552 OWZ65552 PGV65552 PQR65552 QAN65552 QKJ65552 QUF65552 REB65552 RNX65552 RXT65552 SHP65552 SRL65552 TBH65552 TLD65552 TUZ65552 UEV65552 UOR65552 UYN65552 VIJ65552 VSF65552 WCB65552 WLX65552 WVT65552 L131088 JH131088 TD131088 ACZ131088 AMV131088 AWR131088 BGN131088 BQJ131088 CAF131088 CKB131088 CTX131088 DDT131088 DNP131088 DXL131088 EHH131088 ERD131088 FAZ131088 FKV131088 FUR131088 GEN131088 GOJ131088 GYF131088 HIB131088 HRX131088 IBT131088 ILP131088 IVL131088 JFH131088 JPD131088 JYZ131088 KIV131088 KSR131088 LCN131088 LMJ131088 LWF131088 MGB131088 MPX131088 MZT131088 NJP131088 NTL131088 ODH131088 OND131088 OWZ131088 PGV131088 PQR131088 QAN131088 QKJ131088 QUF131088 REB131088 RNX131088 RXT131088 SHP131088 SRL131088 TBH131088 TLD131088 TUZ131088 UEV131088 UOR131088 UYN131088 VIJ131088 VSF131088 WCB131088 WLX131088 WVT131088 L196624 JH196624 TD196624 ACZ196624 AMV196624 AWR196624 BGN196624 BQJ196624 CAF196624 CKB196624 CTX196624 DDT196624 DNP196624 DXL196624 EHH196624 ERD196624 FAZ196624 FKV196624 FUR196624 GEN196624 GOJ196624 GYF196624 HIB196624 HRX196624 IBT196624 ILP196624 IVL196624 JFH196624 JPD196624 JYZ196624 KIV196624 KSR196624 LCN196624 LMJ196624 LWF196624 MGB196624 MPX196624 MZT196624 NJP196624 NTL196624 ODH196624 OND196624 OWZ196624 PGV196624 PQR196624 QAN196624 QKJ196624 QUF196624 REB196624 RNX196624 RXT196624 SHP196624 SRL196624 TBH196624 TLD196624 TUZ196624 UEV196624 UOR196624 UYN196624 VIJ196624 VSF196624 WCB196624 WLX196624 WVT196624 L262160 JH262160 TD262160 ACZ262160 AMV262160 AWR262160 BGN262160 BQJ262160 CAF262160 CKB262160 CTX262160 DDT262160 DNP262160 DXL262160 EHH262160 ERD262160 FAZ262160 FKV262160 FUR262160 GEN262160 GOJ262160 GYF262160 HIB262160 HRX262160 IBT262160 ILP262160 IVL262160 JFH262160 JPD262160 JYZ262160 KIV262160 KSR262160 LCN262160 LMJ262160 LWF262160 MGB262160 MPX262160 MZT262160 NJP262160 NTL262160 ODH262160 OND262160 OWZ262160 PGV262160 PQR262160 QAN262160 QKJ262160 QUF262160 REB262160 RNX262160 RXT262160 SHP262160 SRL262160 TBH262160 TLD262160 TUZ262160 UEV262160 UOR262160 UYN262160 VIJ262160 VSF262160 WCB262160 WLX262160 WVT262160 L327696 JH327696 TD327696 ACZ327696 AMV327696 AWR327696 BGN327696 BQJ327696 CAF327696 CKB327696 CTX327696 DDT327696 DNP327696 DXL327696 EHH327696 ERD327696 FAZ327696 FKV327696 FUR327696 GEN327696 GOJ327696 GYF327696 HIB327696 HRX327696 IBT327696 ILP327696 IVL327696 JFH327696 JPD327696 JYZ327696 KIV327696 KSR327696 LCN327696 LMJ327696 LWF327696 MGB327696 MPX327696 MZT327696 NJP327696 NTL327696 ODH327696 OND327696 OWZ327696 PGV327696 PQR327696 QAN327696 QKJ327696 QUF327696 REB327696 RNX327696 RXT327696 SHP327696 SRL327696 TBH327696 TLD327696 TUZ327696 UEV327696 UOR327696 UYN327696 VIJ327696 VSF327696 WCB327696 WLX327696 WVT327696 L393232 JH393232 TD393232 ACZ393232 AMV393232 AWR393232 BGN393232 BQJ393232 CAF393232 CKB393232 CTX393232 DDT393232 DNP393232 DXL393232 EHH393232 ERD393232 FAZ393232 FKV393232 FUR393232 GEN393232 GOJ393232 GYF393232 HIB393232 HRX393232 IBT393232 ILP393232 IVL393232 JFH393232 JPD393232 JYZ393232 KIV393232 KSR393232 LCN393232 LMJ393232 LWF393232 MGB393232 MPX393232 MZT393232 NJP393232 NTL393232 ODH393232 OND393232 OWZ393232 PGV393232 PQR393232 QAN393232 QKJ393232 QUF393232 REB393232 RNX393232 RXT393232 SHP393232 SRL393232 TBH393232 TLD393232 TUZ393232 UEV393232 UOR393232 UYN393232 VIJ393232 VSF393232 WCB393232 WLX393232 WVT393232 L458768 JH458768 TD458768 ACZ458768 AMV458768 AWR458768 BGN458768 BQJ458768 CAF458768 CKB458768 CTX458768 DDT458768 DNP458768 DXL458768 EHH458768 ERD458768 FAZ458768 FKV458768 FUR458768 GEN458768 GOJ458768 GYF458768 HIB458768 HRX458768 IBT458768 ILP458768 IVL458768 JFH458768 JPD458768 JYZ458768 KIV458768 KSR458768 LCN458768 LMJ458768 LWF458768 MGB458768 MPX458768 MZT458768 NJP458768 NTL458768 ODH458768 OND458768 OWZ458768 PGV458768 PQR458768 QAN458768 QKJ458768 QUF458768 REB458768 RNX458768 RXT458768 SHP458768 SRL458768 TBH458768 TLD458768 TUZ458768 UEV458768 UOR458768 UYN458768 VIJ458768 VSF458768 WCB458768 WLX458768 WVT458768 L524304 JH524304 TD524304 ACZ524304 AMV524304 AWR524304 BGN524304 BQJ524304 CAF524304 CKB524304 CTX524304 DDT524304 DNP524304 DXL524304 EHH524304 ERD524304 FAZ524304 FKV524304 FUR524304 GEN524304 GOJ524304 GYF524304 HIB524304 HRX524304 IBT524304 ILP524304 IVL524304 JFH524304 JPD524304 JYZ524304 KIV524304 KSR524304 LCN524304 LMJ524304 LWF524304 MGB524304 MPX524304 MZT524304 NJP524304 NTL524304 ODH524304 OND524304 OWZ524304 PGV524304 PQR524304 QAN524304 QKJ524304 QUF524304 REB524304 RNX524304 RXT524304 SHP524304 SRL524304 TBH524304 TLD524304 TUZ524304 UEV524304 UOR524304 UYN524304 VIJ524304 VSF524304 WCB524304 WLX524304 WVT524304 L589840 JH589840 TD589840 ACZ589840 AMV589840 AWR589840 BGN589840 BQJ589840 CAF589840 CKB589840 CTX589840 DDT589840 DNP589840 DXL589840 EHH589840 ERD589840 FAZ589840 FKV589840 FUR589840 GEN589840 GOJ589840 GYF589840 HIB589840 HRX589840 IBT589840 ILP589840 IVL589840 JFH589840 JPD589840 JYZ589840 KIV589840 KSR589840 LCN589840 LMJ589840 LWF589840 MGB589840 MPX589840 MZT589840 NJP589840 NTL589840 ODH589840 OND589840 OWZ589840 PGV589840 PQR589840 QAN589840 QKJ589840 QUF589840 REB589840 RNX589840 RXT589840 SHP589840 SRL589840 TBH589840 TLD589840 TUZ589840 UEV589840 UOR589840 UYN589840 VIJ589840 VSF589840 WCB589840 WLX589840 WVT589840 L655376 JH655376 TD655376 ACZ655376 AMV655376 AWR655376 BGN655376 BQJ655376 CAF655376 CKB655376 CTX655376 DDT655376 DNP655376 DXL655376 EHH655376 ERD655376 FAZ655376 FKV655376 FUR655376 GEN655376 GOJ655376 GYF655376 HIB655376 HRX655376 IBT655376 ILP655376 IVL655376 JFH655376 JPD655376 JYZ655376 KIV655376 KSR655376 LCN655376 LMJ655376 LWF655376 MGB655376 MPX655376 MZT655376 NJP655376 NTL655376 ODH655376 OND655376 OWZ655376 PGV655376 PQR655376 QAN655376 QKJ655376 QUF655376 REB655376 RNX655376 RXT655376 SHP655376 SRL655376 TBH655376 TLD655376 TUZ655376 UEV655376 UOR655376 UYN655376 VIJ655376 VSF655376 WCB655376 WLX655376 WVT655376 L720912 JH720912 TD720912 ACZ720912 AMV720912 AWR720912 BGN720912 BQJ720912 CAF720912 CKB720912 CTX720912 DDT720912 DNP720912 DXL720912 EHH720912 ERD720912 FAZ720912 FKV720912 FUR720912 GEN720912 GOJ720912 GYF720912 HIB720912 HRX720912 IBT720912 ILP720912 IVL720912 JFH720912 JPD720912 JYZ720912 KIV720912 KSR720912 LCN720912 LMJ720912 LWF720912 MGB720912 MPX720912 MZT720912 NJP720912 NTL720912 ODH720912 OND720912 OWZ720912 PGV720912 PQR720912 QAN720912 QKJ720912 QUF720912 REB720912 RNX720912 RXT720912 SHP720912 SRL720912 TBH720912 TLD720912 TUZ720912 UEV720912 UOR720912 UYN720912 VIJ720912 VSF720912 WCB720912 WLX720912 WVT720912 L786448 JH786448 TD786448 ACZ786448 AMV786448 AWR786448 BGN786448 BQJ786448 CAF786448 CKB786448 CTX786448 DDT786448 DNP786448 DXL786448 EHH786448 ERD786448 FAZ786448 FKV786448 FUR786448 GEN786448 GOJ786448 GYF786448 HIB786448 HRX786448 IBT786448 ILP786448 IVL786448 JFH786448 JPD786448 JYZ786448 KIV786448 KSR786448 LCN786448 LMJ786448 LWF786448 MGB786448 MPX786448 MZT786448 NJP786448 NTL786448 ODH786448 OND786448 OWZ786448 PGV786448 PQR786448 QAN786448 QKJ786448 QUF786448 REB786448 RNX786448 RXT786448 SHP786448 SRL786448 TBH786448 TLD786448 TUZ786448 UEV786448 UOR786448 UYN786448 VIJ786448 VSF786448 WCB786448 WLX786448 WVT786448 L851984 JH851984 TD851984 ACZ851984 AMV851984 AWR851984 BGN851984 BQJ851984 CAF851984 CKB851984 CTX851984 DDT851984 DNP851984 DXL851984 EHH851984 ERD851984 FAZ851984 FKV851984 FUR851984 GEN851984 GOJ851984 GYF851984 HIB851984 HRX851984 IBT851984 ILP851984 IVL851984 JFH851984 JPD851984 JYZ851984 KIV851984 KSR851984 LCN851984 LMJ851984 LWF851984 MGB851984 MPX851984 MZT851984 NJP851984 NTL851984 ODH851984 OND851984 OWZ851984 PGV851984 PQR851984 QAN851984 QKJ851984 QUF851984 REB851984 RNX851984 RXT851984 SHP851984 SRL851984 TBH851984 TLD851984 TUZ851984 UEV851984 UOR851984 UYN851984 VIJ851984 VSF851984 WCB851984 WLX851984 WVT851984 L917520 JH917520 TD917520 ACZ917520 AMV917520 AWR917520 BGN917520 BQJ917520 CAF917520 CKB917520 CTX917520 DDT917520 DNP917520 DXL917520 EHH917520 ERD917520 FAZ917520 FKV917520 FUR917520 GEN917520 GOJ917520 GYF917520 HIB917520 HRX917520 IBT917520 ILP917520 IVL917520 JFH917520 JPD917520 JYZ917520 KIV917520 KSR917520 LCN917520 LMJ917520 LWF917520 MGB917520 MPX917520 MZT917520 NJP917520 NTL917520 ODH917520 OND917520 OWZ917520 PGV917520 PQR917520 QAN917520 QKJ917520 QUF917520 REB917520 RNX917520 RXT917520 SHP917520 SRL917520 TBH917520 TLD917520 TUZ917520 UEV917520 UOR917520 UYN917520 VIJ917520 VSF917520 WCB917520 WLX917520 WVT917520 L983056 JH983056 TD983056 ACZ983056 AMV983056 AWR983056 BGN983056 BQJ983056 CAF983056 CKB983056 CTX983056 DDT983056 DNP983056 DXL983056 EHH983056 ERD983056 FAZ983056 FKV983056 FUR983056 GEN983056 GOJ983056 GYF983056 HIB983056 HRX983056 IBT983056 ILP983056 IVL983056 JFH983056 JPD983056 JYZ983056 KIV983056 KSR983056 LCN983056 LMJ983056 LWF983056 MGB983056 MPX983056 MZT983056 NJP983056 NTL983056 ODH983056 OND983056 OWZ983056 PGV983056 PQR983056 QAN983056 QKJ983056 QUF983056 REB983056 RNX983056 RXT983056 SHP983056 SRL983056 TBH983056 TLD983056 TUZ983056 UEV983056 UOR983056 UYN983056 VIJ983056 VSF983056 WCB983056 WLX983056 WVT983056 O16 JK16 TG16 ADC16 AMY16 AWU16 BGQ16 BQM16 CAI16 CKE16 CUA16 DDW16 DNS16 DXO16 EHK16 ERG16 FBC16 FKY16 FUU16 GEQ16 GOM16 GYI16 HIE16 HSA16 IBW16 ILS16 IVO16 JFK16 JPG16 JZC16 KIY16 KSU16 LCQ16 LMM16 LWI16 MGE16 MQA16 MZW16 NJS16 NTO16 ODK16 ONG16 OXC16 PGY16 PQU16 QAQ16 QKM16 QUI16 REE16 ROA16 RXW16 SHS16 SRO16 TBK16 TLG16 TVC16 UEY16 UOU16 UYQ16 VIM16 VSI16 WCE16 WMA16 WVW16 O65552 JK65552 TG65552 ADC65552 AMY65552 AWU65552 BGQ65552 BQM65552 CAI65552 CKE65552 CUA65552 DDW65552 DNS65552 DXO65552 EHK65552 ERG65552 FBC65552 FKY65552 FUU65552 GEQ65552 GOM65552 GYI65552 HIE65552 HSA65552 IBW65552 ILS65552 IVO65552 JFK65552 JPG65552 JZC65552 KIY65552 KSU65552 LCQ65552 LMM65552 LWI65552 MGE65552 MQA65552 MZW65552 NJS65552 NTO65552 ODK65552 ONG65552 OXC65552 PGY65552 PQU65552 QAQ65552 QKM65552 QUI65552 REE65552 ROA65552 RXW65552 SHS65552 SRO65552 TBK65552 TLG65552 TVC65552 UEY65552 UOU65552 UYQ65552 VIM65552 VSI65552 WCE65552 WMA65552 WVW65552 O131088 JK131088 TG131088 ADC131088 AMY131088 AWU131088 BGQ131088 BQM131088 CAI131088 CKE131088 CUA131088 DDW131088 DNS131088 DXO131088 EHK131088 ERG131088 FBC131088 FKY131088 FUU131088 GEQ131088 GOM131088 GYI131088 HIE131088 HSA131088 IBW131088 ILS131088 IVO131088 JFK131088 JPG131088 JZC131088 KIY131088 KSU131088 LCQ131088 LMM131088 LWI131088 MGE131088 MQA131088 MZW131088 NJS131088 NTO131088 ODK131088 ONG131088 OXC131088 PGY131088 PQU131088 QAQ131088 QKM131088 QUI131088 REE131088 ROA131088 RXW131088 SHS131088 SRO131088 TBK131088 TLG131088 TVC131088 UEY131088 UOU131088 UYQ131088 VIM131088 VSI131088 WCE131088 WMA131088 WVW131088 O196624 JK196624 TG196624 ADC196624 AMY196624 AWU196624 BGQ196624 BQM196624 CAI196624 CKE196624 CUA196624 DDW196624 DNS196624 DXO196624 EHK196624 ERG196624 FBC196624 FKY196624 FUU196624 GEQ196624 GOM196624 GYI196624 HIE196624 HSA196624 IBW196624 ILS196624 IVO196624 JFK196624 JPG196624 JZC196624 KIY196624 KSU196624 LCQ196624 LMM196624 LWI196624 MGE196624 MQA196624 MZW196624 NJS196624 NTO196624 ODK196624 ONG196624 OXC196624 PGY196624 PQU196624 QAQ196624 QKM196624 QUI196624 REE196624 ROA196624 RXW196624 SHS196624 SRO196624 TBK196624 TLG196624 TVC196624 UEY196624 UOU196624 UYQ196624 VIM196624 VSI196624 WCE196624 WMA196624 WVW196624 O262160 JK262160 TG262160 ADC262160 AMY262160 AWU262160 BGQ262160 BQM262160 CAI262160 CKE262160 CUA262160 DDW262160 DNS262160 DXO262160 EHK262160 ERG262160 FBC262160 FKY262160 FUU262160 GEQ262160 GOM262160 GYI262160 HIE262160 HSA262160 IBW262160 ILS262160 IVO262160 JFK262160 JPG262160 JZC262160 KIY262160 KSU262160 LCQ262160 LMM262160 LWI262160 MGE262160 MQA262160 MZW262160 NJS262160 NTO262160 ODK262160 ONG262160 OXC262160 PGY262160 PQU262160 QAQ262160 QKM262160 QUI262160 REE262160 ROA262160 RXW262160 SHS262160 SRO262160 TBK262160 TLG262160 TVC262160 UEY262160 UOU262160 UYQ262160 VIM262160 VSI262160 WCE262160 WMA262160 WVW262160 O327696 JK327696 TG327696 ADC327696 AMY327696 AWU327696 BGQ327696 BQM327696 CAI327696 CKE327696 CUA327696 DDW327696 DNS327696 DXO327696 EHK327696 ERG327696 FBC327696 FKY327696 FUU327696 GEQ327696 GOM327696 GYI327696 HIE327696 HSA327696 IBW327696 ILS327696 IVO327696 JFK327696 JPG327696 JZC327696 KIY327696 KSU327696 LCQ327696 LMM327696 LWI327696 MGE327696 MQA327696 MZW327696 NJS327696 NTO327696 ODK327696 ONG327696 OXC327696 PGY327696 PQU327696 QAQ327696 QKM327696 QUI327696 REE327696 ROA327696 RXW327696 SHS327696 SRO327696 TBK327696 TLG327696 TVC327696 UEY327696 UOU327696 UYQ327696 VIM327696 VSI327696 WCE327696 WMA327696 WVW327696 O393232 JK393232 TG393232 ADC393232 AMY393232 AWU393232 BGQ393232 BQM393232 CAI393232 CKE393232 CUA393232 DDW393232 DNS393232 DXO393232 EHK393232 ERG393232 FBC393232 FKY393232 FUU393232 GEQ393232 GOM393232 GYI393232 HIE393232 HSA393232 IBW393232 ILS393232 IVO393232 JFK393232 JPG393232 JZC393232 KIY393232 KSU393232 LCQ393232 LMM393232 LWI393232 MGE393232 MQA393232 MZW393232 NJS393232 NTO393232 ODK393232 ONG393232 OXC393232 PGY393232 PQU393232 QAQ393232 QKM393232 QUI393232 REE393232 ROA393232 RXW393232 SHS393232 SRO393232 TBK393232 TLG393232 TVC393232 UEY393232 UOU393232 UYQ393232 VIM393232 VSI393232 WCE393232 WMA393232 WVW393232 O458768 JK458768 TG458768 ADC458768 AMY458768 AWU458768 BGQ458768 BQM458768 CAI458768 CKE458768 CUA458768 DDW458768 DNS458768 DXO458768 EHK458768 ERG458768 FBC458768 FKY458768 FUU458768 GEQ458768 GOM458768 GYI458768 HIE458768 HSA458768 IBW458768 ILS458768 IVO458768 JFK458768 JPG458768 JZC458768 KIY458768 KSU458768 LCQ458768 LMM458768 LWI458768 MGE458768 MQA458768 MZW458768 NJS458768 NTO458768 ODK458768 ONG458768 OXC458768 PGY458768 PQU458768 QAQ458768 QKM458768 QUI458768 REE458768 ROA458768 RXW458768 SHS458768 SRO458768 TBK458768 TLG458768 TVC458768 UEY458768 UOU458768 UYQ458768 VIM458768 VSI458768 WCE458768 WMA458768 WVW458768 O524304 JK524304 TG524304 ADC524304 AMY524304 AWU524304 BGQ524304 BQM524304 CAI524304 CKE524304 CUA524304 DDW524304 DNS524304 DXO524304 EHK524304 ERG524304 FBC524304 FKY524304 FUU524304 GEQ524304 GOM524304 GYI524304 HIE524304 HSA524304 IBW524304 ILS524304 IVO524304 JFK524304 JPG524304 JZC524304 KIY524304 KSU524304 LCQ524304 LMM524304 LWI524304 MGE524304 MQA524304 MZW524304 NJS524304 NTO524304 ODK524304 ONG524304 OXC524304 PGY524304 PQU524304 QAQ524304 QKM524304 QUI524304 REE524304 ROA524304 RXW524304 SHS524304 SRO524304 TBK524304 TLG524304 TVC524304 UEY524304 UOU524304 UYQ524304 VIM524304 VSI524304 WCE524304 WMA524304 WVW524304 O589840 JK589840 TG589840 ADC589840 AMY589840 AWU589840 BGQ589840 BQM589840 CAI589840 CKE589840 CUA589840 DDW589840 DNS589840 DXO589840 EHK589840 ERG589840 FBC589840 FKY589840 FUU589840 GEQ589840 GOM589840 GYI589840 HIE589840 HSA589840 IBW589840 ILS589840 IVO589840 JFK589840 JPG589840 JZC589840 KIY589840 KSU589840 LCQ589840 LMM589840 LWI589840 MGE589840 MQA589840 MZW589840 NJS589840 NTO589840 ODK589840 ONG589840 OXC589840 PGY589840 PQU589840 QAQ589840 QKM589840 QUI589840 REE589840 ROA589840 RXW589840 SHS589840 SRO589840 TBK589840 TLG589840 TVC589840 UEY589840 UOU589840 UYQ589840 VIM589840 VSI589840 WCE589840 WMA589840 WVW589840 O655376 JK655376 TG655376 ADC655376 AMY655376 AWU655376 BGQ655376 BQM655376 CAI655376 CKE655376 CUA655376 DDW655376 DNS655376 DXO655376 EHK655376 ERG655376 FBC655376 FKY655376 FUU655376 GEQ655376 GOM655376 GYI655376 HIE655376 HSA655376 IBW655376 ILS655376 IVO655376 JFK655376 JPG655376 JZC655376 KIY655376 KSU655376 LCQ655376 LMM655376 LWI655376 MGE655376 MQA655376 MZW655376 NJS655376 NTO655376 ODK655376 ONG655376 OXC655376 PGY655376 PQU655376 QAQ655376 QKM655376 QUI655376 REE655376 ROA655376 RXW655376 SHS655376 SRO655376 TBK655376 TLG655376 TVC655376 UEY655376 UOU655376 UYQ655376 VIM655376 VSI655376 WCE655376 WMA655376 WVW655376 O720912 JK720912 TG720912 ADC720912 AMY720912 AWU720912 BGQ720912 BQM720912 CAI720912 CKE720912 CUA720912 DDW720912 DNS720912 DXO720912 EHK720912 ERG720912 FBC720912 FKY720912 FUU720912 GEQ720912 GOM720912 GYI720912 HIE720912 HSA720912 IBW720912 ILS720912 IVO720912 JFK720912 JPG720912 JZC720912 KIY720912 KSU720912 LCQ720912 LMM720912 LWI720912 MGE720912 MQA720912 MZW720912 NJS720912 NTO720912 ODK720912 ONG720912 OXC720912 PGY720912 PQU720912 QAQ720912 QKM720912 QUI720912 REE720912 ROA720912 RXW720912 SHS720912 SRO720912 TBK720912 TLG720912 TVC720912 UEY720912 UOU720912 UYQ720912 VIM720912 VSI720912 WCE720912 WMA720912 WVW720912 O786448 JK786448 TG786448 ADC786448 AMY786448 AWU786448 BGQ786448 BQM786448 CAI786448 CKE786448 CUA786448 DDW786448 DNS786448 DXO786448 EHK786448 ERG786448 FBC786448 FKY786448 FUU786448 GEQ786448 GOM786448 GYI786448 HIE786448 HSA786448 IBW786448 ILS786448 IVO786448 JFK786448 JPG786448 JZC786448 KIY786448 KSU786448 LCQ786448 LMM786448 LWI786448 MGE786448 MQA786448 MZW786448 NJS786448 NTO786448 ODK786448 ONG786448 OXC786448 PGY786448 PQU786448 QAQ786448 QKM786448 QUI786448 REE786448 ROA786448 RXW786448 SHS786448 SRO786448 TBK786448 TLG786448 TVC786448 UEY786448 UOU786448 UYQ786448 VIM786448 VSI786448 WCE786448 WMA786448 WVW786448 O851984 JK851984 TG851984 ADC851984 AMY851984 AWU851984 BGQ851984 BQM851984 CAI851984 CKE851984 CUA851984 DDW851984 DNS851984 DXO851984 EHK851984 ERG851984 FBC851984 FKY851984 FUU851984 GEQ851984 GOM851984 GYI851984 HIE851984 HSA851984 IBW851984 ILS851984 IVO851984 JFK851984 JPG851984 JZC851984 KIY851984 KSU851984 LCQ851984 LMM851984 LWI851984 MGE851984 MQA851984 MZW851984 NJS851984 NTO851984 ODK851984 ONG851984 OXC851984 PGY851984 PQU851984 QAQ851984 QKM851984 QUI851984 REE851984 ROA851984 RXW851984 SHS851984 SRO851984 TBK851984 TLG851984 TVC851984 UEY851984 UOU851984 UYQ851984 VIM851984 VSI851984 WCE851984 WMA851984 WVW851984 O917520 JK917520 TG917520 ADC917520 AMY917520 AWU917520 BGQ917520 BQM917520 CAI917520 CKE917520 CUA917520 DDW917520 DNS917520 DXO917520 EHK917520 ERG917520 FBC917520 FKY917520 FUU917520 GEQ917520 GOM917520 GYI917520 HIE917520 HSA917520 IBW917520 ILS917520 IVO917520 JFK917520 JPG917520 JZC917520 KIY917520 KSU917520 LCQ917520 LMM917520 LWI917520 MGE917520 MQA917520 MZW917520 NJS917520 NTO917520 ODK917520 ONG917520 OXC917520 PGY917520 PQU917520 QAQ917520 QKM917520 QUI917520 REE917520 ROA917520 RXW917520 SHS917520 SRO917520 TBK917520 TLG917520 TVC917520 UEY917520 UOU917520 UYQ917520 VIM917520 VSI917520 WCE917520 WMA917520 WVW917520 O983056 JK983056 TG983056 ADC983056 AMY983056 AWU983056 BGQ983056 BQM983056 CAI983056 CKE983056 CUA983056 DDW983056 DNS983056 DXO983056 EHK983056 ERG983056 FBC983056 FKY983056 FUU983056 GEQ983056 GOM983056 GYI983056 HIE983056 HSA983056 IBW983056 ILS983056 IVO983056 JFK983056 JPG983056 JZC983056 KIY983056 KSU983056 LCQ983056 LMM983056 LWI983056 MGE983056 MQA983056 MZW983056 NJS983056 NTO983056 ODK983056 ONG983056 OXC983056 PGY983056 PQU983056 QAQ983056 QKM983056 QUI983056 REE983056 ROA983056 RXW983056 SHS983056 SRO983056 TBK983056 TLG983056 TVC983056 UEY983056 UOU983056 UYQ983056 VIM983056 VSI983056 WCE983056 WMA983056 WVW983056 A17 IW17 SS17 ACO17 AMK17 AWG17 BGC17 BPY17 BZU17 CJQ17 CTM17 DDI17 DNE17 DXA17 EGW17 EQS17 FAO17 FKK17 FUG17 GEC17 GNY17 GXU17 HHQ17 HRM17 IBI17 ILE17 IVA17 JEW17 JOS17 JYO17 KIK17 KSG17 LCC17 LLY17 LVU17 MFQ17 MPM17 MZI17 NJE17 NTA17 OCW17 OMS17 OWO17 PGK17 PQG17 QAC17 QJY17 QTU17 RDQ17 RNM17 RXI17 SHE17 SRA17 TAW17 TKS17 TUO17 UEK17 UOG17 UYC17 VHY17 VRU17 WBQ17 WLM17 WVI17 A65553 IW65553 SS65553 ACO65553 AMK65553 AWG65553 BGC65553 BPY65553 BZU65553 CJQ65553 CTM65553 DDI65553 DNE65553 DXA65553 EGW65553 EQS65553 FAO65553 FKK65553 FUG65553 GEC65553 GNY65553 GXU65553 HHQ65553 HRM65553 IBI65553 ILE65553 IVA65553 JEW65553 JOS65553 JYO65553 KIK65553 KSG65553 LCC65553 LLY65553 LVU65553 MFQ65553 MPM65553 MZI65553 NJE65553 NTA65553 OCW65553 OMS65553 OWO65553 PGK65553 PQG65553 QAC65553 QJY65553 QTU65553 RDQ65553 RNM65553 RXI65553 SHE65553 SRA65553 TAW65553 TKS65553 TUO65553 UEK65553 UOG65553 UYC65553 VHY65553 VRU65553 WBQ65553 WLM65553 WVI65553 A131089 IW131089 SS131089 ACO131089 AMK131089 AWG131089 BGC131089 BPY131089 BZU131089 CJQ131089 CTM131089 DDI131089 DNE131089 DXA131089 EGW131089 EQS131089 FAO131089 FKK131089 FUG131089 GEC131089 GNY131089 GXU131089 HHQ131089 HRM131089 IBI131089 ILE131089 IVA131089 JEW131089 JOS131089 JYO131089 KIK131089 KSG131089 LCC131089 LLY131089 LVU131089 MFQ131089 MPM131089 MZI131089 NJE131089 NTA131089 OCW131089 OMS131089 OWO131089 PGK131089 PQG131089 QAC131089 QJY131089 QTU131089 RDQ131089 RNM131089 RXI131089 SHE131089 SRA131089 TAW131089 TKS131089 TUO131089 UEK131089 UOG131089 UYC131089 VHY131089 VRU131089 WBQ131089 WLM131089 WVI131089 A196625 IW196625 SS196625 ACO196625 AMK196625 AWG196625 BGC196625 BPY196625 BZU196625 CJQ196625 CTM196625 DDI196625 DNE196625 DXA196625 EGW196625 EQS196625 FAO196625 FKK196625 FUG196625 GEC196625 GNY196625 GXU196625 HHQ196625 HRM196625 IBI196625 ILE196625 IVA196625 JEW196625 JOS196625 JYO196625 KIK196625 KSG196625 LCC196625 LLY196625 LVU196625 MFQ196625 MPM196625 MZI196625 NJE196625 NTA196625 OCW196625 OMS196625 OWO196625 PGK196625 PQG196625 QAC196625 QJY196625 QTU196625 RDQ196625 RNM196625 RXI196625 SHE196625 SRA196625 TAW196625 TKS196625 TUO196625 UEK196625 UOG196625 UYC196625 VHY196625 VRU196625 WBQ196625 WLM196625 WVI196625 A262161 IW262161 SS262161 ACO262161 AMK262161 AWG262161 BGC262161 BPY262161 BZU262161 CJQ262161 CTM262161 DDI262161 DNE262161 DXA262161 EGW262161 EQS262161 FAO262161 FKK262161 FUG262161 GEC262161 GNY262161 GXU262161 HHQ262161 HRM262161 IBI262161 ILE262161 IVA262161 JEW262161 JOS262161 JYO262161 KIK262161 KSG262161 LCC262161 LLY262161 LVU262161 MFQ262161 MPM262161 MZI262161 NJE262161 NTA262161 OCW262161 OMS262161 OWO262161 PGK262161 PQG262161 QAC262161 QJY262161 QTU262161 RDQ262161 RNM262161 RXI262161 SHE262161 SRA262161 TAW262161 TKS262161 TUO262161 UEK262161 UOG262161 UYC262161 VHY262161 VRU262161 WBQ262161 WLM262161 WVI262161 A327697 IW327697 SS327697 ACO327697 AMK327697 AWG327697 BGC327697 BPY327697 BZU327697 CJQ327697 CTM327697 DDI327697 DNE327697 DXA327697 EGW327697 EQS327697 FAO327697 FKK327697 FUG327697 GEC327697 GNY327697 GXU327697 HHQ327697 HRM327697 IBI327697 ILE327697 IVA327697 JEW327697 JOS327697 JYO327697 KIK327697 KSG327697 LCC327697 LLY327697 LVU327697 MFQ327697 MPM327697 MZI327697 NJE327697 NTA327697 OCW327697 OMS327697 OWO327697 PGK327697 PQG327697 QAC327697 QJY327697 QTU327697 RDQ327697 RNM327697 RXI327697 SHE327697 SRA327697 TAW327697 TKS327697 TUO327697 UEK327697 UOG327697 UYC327697 VHY327697 VRU327697 WBQ327697 WLM327697 WVI327697 A393233 IW393233 SS393233 ACO393233 AMK393233 AWG393233 BGC393233 BPY393233 BZU393233 CJQ393233 CTM393233 DDI393233 DNE393233 DXA393233 EGW393233 EQS393233 FAO393233 FKK393233 FUG393233 GEC393233 GNY393233 GXU393233 HHQ393233 HRM393233 IBI393233 ILE393233 IVA393233 JEW393233 JOS393233 JYO393233 KIK393233 KSG393233 LCC393233 LLY393233 LVU393233 MFQ393233 MPM393233 MZI393233 NJE393233 NTA393233 OCW393233 OMS393233 OWO393233 PGK393233 PQG393233 QAC393233 QJY393233 QTU393233 RDQ393233 RNM393233 RXI393233 SHE393233 SRA393233 TAW393233 TKS393233 TUO393233 UEK393233 UOG393233 UYC393233 VHY393233 VRU393233 WBQ393233 WLM393233 WVI393233 A458769 IW458769 SS458769 ACO458769 AMK458769 AWG458769 BGC458769 BPY458769 BZU458769 CJQ458769 CTM458769 DDI458769 DNE458769 DXA458769 EGW458769 EQS458769 FAO458769 FKK458769 FUG458769 GEC458769 GNY458769 GXU458769 HHQ458769 HRM458769 IBI458769 ILE458769 IVA458769 JEW458769 JOS458769 JYO458769 KIK458769 KSG458769 LCC458769 LLY458769 LVU458769 MFQ458769 MPM458769 MZI458769 NJE458769 NTA458769 OCW458769 OMS458769 OWO458769 PGK458769 PQG458769 QAC458769 QJY458769 QTU458769 RDQ458769 RNM458769 RXI458769 SHE458769 SRA458769 TAW458769 TKS458769 TUO458769 UEK458769 UOG458769 UYC458769 VHY458769 VRU458769 WBQ458769 WLM458769 WVI458769 A524305 IW524305 SS524305 ACO524305 AMK524305 AWG524305 BGC524305 BPY524305 BZU524305 CJQ524305 CTM524305 DDI524305 DNE524305 DXA524305 EGW524305 EQS524305 FAO524305 FKK524305 FUG524305 GEC524305 GNY524305 GXU524305 HHQ524305 HRM524305 IBI524305 ILE524305 IVA524305 JEW524305 JOS524305 JYO524305 KIK524305 KSG524305 LCC524305 LLY524305 LVU524305 MFQ524305 MPM524305 MZI524305 NJE524305 NTA524305 OCW524305 OMS524305 OWO524305 PGK524305 PQG524305 QAC524305 QJY524305 QTU524305 RDQ524305 RNM524305 RXI524305 SHE524305 SRA524305 TAW524305 TKS524305 TUO524305 UEK524305 UOG524305 UYC524305 VHY524305 VRU524305 WBQ524305 WLM524305 WVI524305 A589841 IW589841 SS589841 ACO589841 AMK589841 AWG589841 BGC589841 BPY589841 BZU589841 CJQ589841 CTM589841 DDI589841 DNE589841 DXA589841 EGW589841 EQS589841 FAO589841 FKK589841 FUG589841 GEC589841 GNY589841 GXU589841 HHQ589841 HRM589841 IBI589841 ILE589841 IVA589841 JEW589841 JOS589841 JYO589841 KIK589841 KSG589841 LCC589841 LLY589841 LVU589841 MFQ589841 MPM589841 MZI589841 NJE589841 NTA589841 OCW589841 OMS589841 OWO589841 PGK589841 PQG589841 QAC589841 QJY589841 QTU589841 RDQ589841 RNM589841 RXI589841 SHE589841 SRA589841 TAW589841 TKS589841 TUO589841 UEK589841 UOG589841 UYC589841 VHY589841 VRU589841 WBQ589841 WLM589841 WVI589841 A655377 IW655377 SS655377 ACO655377 AMK655377 AWG655377 BGC655377 BPY655377 BZU655377 CJQ655377 CTM655377 DDI655377 DNE655377 DXA655377 EGW655377 EQS655377 FAO655377 FKK655377 FUG655377 GEC655377 GNY655377 GXU655377 HHQ655377 HRM655377 IBI655377 ILE655377 IVA655377 JEW655377 JOS655377 JYO655377 KIK655377 KSG655377 LCC655377 LLY655377 LVU655377 MFQ655377 MPM655377 MZI655377 NJE655377 NTA655377 OCW655377 OMS655377 OWO655377 PGK655377 PQG655377 QAC655377 QJY655377 QTU655377 RDQ655377 RNM655377 RXI655377 SHE655377 SRA655377 TAW655377 TKS655377 TUO655377 UEK655377 UOG655377 UYC655377 VHY655377 VRU655377 WBQ655377 WLM655377 WVI655377 A720913 IW720913 SS720913 ACO720913 AMK720913 AWG720913 BGC720913 BPY720913 BZU720913 CJQ720913 CTM720913 DDI720913 DNE720913 DXA720913 EGW720913 EQS720913 FAO720913 FKK720913 FUG720913 GEC720913 GNY720913 GXU720913 HHQ720913 HRM720913 IBI720913 ILE720913 IVA720913 JEW720913 JOS720913 JYO720913 KIK720913 KSG720913 LCC720913 LLY720913 LVU720913 MFQ720913 MPM720913 MZI720913 NJE720913 NTA720913 OCW720913 OMS720913 OWO720913 PGK720913 PQG720913 QAC720913 QJY720913 QTU720913 RDQ720913 RNM720913 RXI720913 SHE720913 SRA720913 TAW720913 TKS720913 TUO720913 UEK720913 UOG720913 UYC720913 VHY720913 VRU720913 WBQ720913 WLM720913 WVI720913 A786449 IW786449 SS786449 ACO786449 AMK786449 AWG786449 BGC786449 BPY786449 BZU786449 CJQ786449 CTM786449 DDI786449 DNE786449 DXA786449 EGW786449 EQS786449 FAO786449 FKK786449 FUG786449 GEC786449 GNY786449 GXU786449 HHQ786449 HRM786449 IBI786449 ILE786449 IVA786449 JEW786449 JOS786449 JYO786449 KIK786449 KSG786449 LCC786449 LLY786449 LVU786449 MFQ786449 MPM786449 MZI786449 NJE786449 NTA786449 OCW786449 OMS786449 OWO786449 PGK786449 PQG786449 QAC786449 QJY786449 QTU786449 RDQ786449 RNM786449 RXI786449 SHE786449 SRA786449 TAW786449 TKS786449 TUO786449 UEK786449 UOG786449 UYC786449 VHY786449 VRU786449 WBQ786449 WLM786449 WVI786449 A851985 IW851985 SS851985 ACO851985 AMK851985 AWG851985 BGC851985 BPY851985 BZU851985 CJQ851985 CTM851985 DDI851985 DNE851985 DXA851985 EGW851985 EQS851985 FAO851985 FKK851985 FUG851985 GEC851985 GNY851985 GXU851985 HHQ851985 HRM851985 IBI851985 ILE851985 IVA851985 JEW851985 JOS851985 JYO851985 KIK851985 KSG851985 LCC851985 LLY851985 LVU851985 MFQ851985 MPM851985 MZI851985 NJE851985 NTA851985 OCW851985 OMS851985 OWO851985 PGK851985 PQG851985 QAC851985 QJY851985 QTU851985 RDQ851985 RNM851985 RXI851985 SHE851985 SRA851985 TAW851985 TKS851985 TUO851985 UEK851985 UOG851985 UYC851985 VHY851985 VRU851985 WBQ851985 WLM851985 WVI851985 A917521 IW917521 SS917521 ACO917521 AMK917521 AWG917521 BGC917521 BPY917521 BZU917521 CJQ917521 CTM917521 DDI917521 DNE917521 DXA917521 EGW917521 EQS917521 FAO917521 FKK917521 FUG917521 GEC917521 GNY917521 GXU917521 HHQ917521 HRM917521 IBI917521 ILE917521 IVA917521 JEW917521 JOS917521 JYO917521 KIK917521 KSG917521 LCC917521 LLY917521 LVU917521 MFQ917521 MPM917521 MZI917521 NJE917521 NTA917521 OCW917521 OMS917521 OWO917521 PGK917521 PQG917521 QAC917521 QJY917521 QTU917521 RDQ917521 RNM917521 RXI917521 SHE917521 SRA917521 TAW917521 TKS917521 TUO917521 UEK917521 UOG917521 UYC917521 VHY917521 VRU917521 WBQ917521 WLM917521 WVI917521 A983057 IW983057 SS983057 ACO983057 AMK983057 AWG983057 BGC983057 BPY983057 BZU983057 CJQ983057 CTM983057 DDI983057 DNE983057 DXA983057 EGW983057 EQS983057 FAO983057 FKK983057 FUG983057 GEC983057 GNY983057 GXU983057 HHQ983057 HRM983057 IBI983057 ILE983057 IVA983057 JEW983057 JOS983057 JYO983057 KIK983057 KSG983057 LCC983057 LLY983057 LVU983057 MFQ983057 MPM983057 MZI983057 NJE983057 NTA983057 OCW983057 OMS983057 OWO983057 PGK983057 PQG983057 QAC983057 QJY983057 QTU983057 RDQ983057 RNM983057 RXI983057 SHE983057 SRA983057 TAW983057 TKS983057 TUO983057 UEK983057 UOG983057 UYC983057 VHY983057 VRU983057 WBQ983057 WLM983057 WVI983057 M17:M20 JI17:JI20 TE17:TE20 ADA17:ADA20 AMW17:AMW20 AWS17:AWS20 BGO17:BGO20 BQK17:BQK20 CAG17:CAG20 CKC17:CKC20 CTY17:CTY20 DDU17:DDU20 DNQ17:DNQ20 DXM17:DXM20 EHI17:EHI20 ERE17:ERE20 FBA17:FBA20 FKW17:FKW20 FUS17:FUS20 GEO17:GEO20 GOK17:GOK20 GYG17:GYG20 HIC17:HIC20 HRY17:HRY20 IBU17:IBU20 ILQ17:ILQ20 IVM17:IVM20 JFI17:JFI20 JPE17:JPE20 JZA17:JZA20 KIW17:KIW20 KSS17:KSS20 LCO17:LCO20 LMK17:LMK20 LWG17:LWG20 MGC17:MGC20 MPY17:MPY20 MZU17:MZU20 NJQ17:NJQ20 NTM17:NTM20 ODI17:ODI20 ONE17:ONE20 OXA17:OXA20 PGW17:PGW20 PQS17:PQS20 QAO17:QAO20 QKK17:QKK20 QUG17:QUG20 REC17:REC20 RNY17:RNY20 RXU17:RXU20 SHQ17:SHQ20 SRM17:SRM20 TBI17:TBI20 TLE17:TLE20 TVA17:TVA20 UEW17:UEW20 UOS17:UOS20 UYO17:UYO20 VIK17:VIK20 VSG17:VSG20 WCC17:WCC20 WLY17:WLY20 WVU17:WVU20 M65553:M65556 JI65553:JI65556 TE65553:TE65556 ADA65553:ADA65556 AMW65553:AMW65556 AWS65553:AWS65556 BGO65553:BGO65556 BQK65553:BQK65556 CAG65553:CAG65556 CKC65553:CKC65556 CTY65553:CTY65556 DDU65553:DDU65556 DNQ65553:DNQ65556 DXM65553:DXM65556 EHI65553:EHI65556 ERE65553:ERE65556 FBA65553:FBA65556 FKW65553:FKW65556 FUS65553:FUS65556 GEO65553:GEO65556 GOK65553:GOK65556 GYG65553:GYG65556 HIC65553:HIC65556 HRY65553:HRY65556 IBU65553:IBU65556 ILQ65553:ILQ65556 IVM65553:IVM65556 JFI65553:JFI65556 JPE65553:JPE65556 JZA65553:JZA65556 KIW65553:KIW65556 KSS65553:KSS65556 LCO65553:LCO65556 LMK65553:LMK65556 LWG65553:LWG65556 MGC65553:MGC65556 MPY65553:MPY65556 MZU65553:MZU65556 NJQ65553:NJQ65556 NTM65553:NTM65556 ODI65553:ODI65556 ONE65553:ONE65556 OXA65553:OXA65556 PGW65553:PGW65556 PQS65553:PQS65556 QAO65553:QAO65556 QKK65553:QKK65556 QUG65553:QUG65556 REC65553:REC65556 RNY65553:RNY65556 RXU65553:RXU65556 SHQ65553:SHQ65556 SRM65553:SRM65556 TBI65553:TBI65556 TLE65553:TLE65556 TVA65553:TVA65556 UEW65553:UEW65556 UOS65553:UOS65556 UYO65553:UYO65556 VIK65553:VIK65556 VSG65553:VSG65556 WCC65553:WCC65556 WLY65553:WLY65556 WVU65553:WVU65556 M131089:M131092 JI131089:JI131092 TE131089:TE131092 ADA131089:ADA131092 AMW131089:AMW131092 AWS131089:AWS131092 BGO131089:BGO131092 BQK131089:BQK131092 CAG131089:CAG131092 CKC131089:CKC131092 CTY131089:CTY131092 DDU131089:DDU131092 DNQ131089:DNQ131092 DXM131089:DXM131092 EHI131089:EHI131092 ERE131089:ERE131092 FBA131089:FBA131092 FKW131089:FKW131092 FUS131089:FUS131092 GEO131089:GEO131092 GOK131089:GOK131092 GYG131089:GYG131092 HIC131089:HIC131092 HRY131089:HRY131092 IBU131089:IBU131092 ILQ131089:ILQ131092 IVM131089:IVM131092 JFI131089:JFI131092 JPE131089:JPE131092 JZA131089:JZA131092 KIW131089:KIW131092 KSS131089:KSS131092 LCO131089:LCO131092 LMK131089:LMK131092 LWG131089:LWG131092 MGC131089:MGC131092 MPY131089:MPY131092 MZU131089:MZU131092 NJQ131089:NJQ131092 NTM131089:NTM131092 ODI131089:ODI131092 ONE131089:ONE131092 OXA131089:OXA131092 PGW131089:PGW131092 PQS131089:PQS131092 QAO131089:QAO131092 QKK131089:QKK131092 QUG131089:QUG131092 REC131089:REC131092 RNY131089:RNY131092 RXU131089:RXU131092 SHQ131089:SHQ131092 SRM131089:SRM131092 TBI131089:TBI131092 TLE131089:TLE131092 TVA131089:TVA131092 UEW131089:UEW131092 UOS131089:UOS131092 UYO131089:UYO131092 VIK131089:VIK131092 VSG131089:VSG131092 WCC131089:WCC131092 WLY131089:WLY131092 WVU131089:WVU131092 M196625:M196628 JI196625:JI196628 TE196625:TE196628 ADA196625:ADA196628 AMW196625:AMW196628 AWS196625:AWS196628 BGO196625:BGO196628 BQK196625:BQK196628 CAG196625:CAG196628 CKC196625:CKC196628 CTY196625:CTY196628 DDU196625:DDU196628 DNQ196625:DNQ196628 DXM196625:DXM196628 EHI196625:EHI196628 ERE196625:ERE196628 FBA196625:FBA196628 FKW196625:FKW196628 FUS196625:FUS196628 GEO196625:GEO196628 GOK196625:GOK196628 GYG196625:GYG196628 HIC196625:HIC196628 HRY196625:HRY196628 IBU196625:IBU196628 ILQ196625:ILQ196628 IVM196625:IVM196628 JFI196625:JFI196628 JPE196625:JPE196628 JZA196625:JZA196628 KIW196625:KIW196628 KSS196625:KSS196628 LCO196625:LCO196628 LMK196625:LMK196628 LWG196625:LWG196628 MGC196625:MGC196628 MPY196625:MPY196628 MZU196625:MZU196628 NJQ196625:NJQ196628 NTM196625:NTM196628 ODI196625:ODI196628 ONE196625:ONE196628 OXA196625:OXA196628 PGW196625:PGW196628 PQS196625:PQS196628 QAO196625:QAO196628 QKK196625:QKK196628 QUG196625:QUG196628 REC196625:REC196628 RNY196625:RNY196628 RXU196625:RXU196628 SHQ196625:SHQ196628 SRM196625:SRM196628 TBI196625:TBI196628 TLE196625:TLE196628 TVA196625:TVA196628 UEW196625:UEW196628 UOS196625:UOS196628 UYO196625:UYO196628 VIK196625:VIK196628 VSG196625:VSG196628 WCC196625:WCC196628 WLY196625:WLY196628 WVU196625:WVU196628 M262161:M262164 JI262161:JI262164 TE262161:TE262164 ADA262161:ADA262164 AMW262161:AMW262164 AWS262161:AWS262164 BGO262161:BGO262164 BQK262161:BQK262164 CAG262161:CAG262164 CKC262161:CKC262164 CTY262161:CTY262164 DDU262161:DDU262164 DNQ262161:DNQ262164 DXM262161:DXM262164 EHI262161:EHI262164 ERE262161:ERE262164 FBA262161:FBA262164 FKW262161:FKW262164 FUS262161:FUS262164 GEO262161:GEO262164 GOK262161:GOK262164 GYG262161:GYG262164 HIC262161:HIC262164 HRY262161:HRY262164 IBU262161:IBU262164 ILQ262161:ILQ262164 IVM262161:IVM262164 JFI262161:JFI262164 JPE262161:JPE262164 JZA262161:JZA262164 KIW262161:KIW262164 KSS262161:KSS262164 LCO262161:LCO262164 LMK262161:LMK262164 LWG262161:LWG262164 MGC262161:MGC262164 MPY262161:MPY262164 MZU262161:MZU262164 NJQ262161:NJQ262164 NTM262161:NTM262164 ODI262161:ODI262164 ONE262161:ONE262164 OXA262161:OXA262164 PGW262161:PGW262164 PQS262161:PQS262164 QAO262161:QAO262164 QKK262161:QKK262164 QUG262161:QUG262164 REC262161:REC262164 RNY262161:RNY262164 RXU262161:RXU262164 SHQ262161:SHQ262164 SRM262161:SRM262164 TBI262161:TBI262164 TLE262161:TLE262164 TVA262161:TVA262164 UEW262161:UEW262164 UOS262161:UOS262164 UYO262161:UYO262164 VIK262161:VIK262164 VSG262161:VSG262164 WCC262161:WCC262164 WLY262161:WLY262164 WVU262161:WVU262164 M327697:M327700 JI327697:JI327700 TE327697:TE327700 ADA327697:ADA327700 AMW327697:AMW327700 AWS327697:AWS327700 BGO327697:BGO327700 BQK327697:BQK327700 CAG327697:CAG327700 CKC327697:CKC327700 CTY327697:CTY327700 DDU327697:DDU327700 DNQ327697:DNQ327700 DXM327697:DXM327700 EHI327697:EHI327700 ERE327697:ERE327700 FBA327697:FBA327700 FKW327697:FKW327700 FUS327697:FUS327700 GEO327697:GEO327700 GOK327697:GOK327700 GYG327697:GYG327700 HIC327697:HIC327700 HRY327697:HRY327700 IBU327697:IBU327700 ILQ327697:ILQ327700 IVM327697:IVM327700 JFI327697:JFI327700 JPE327697:JPE327700 JZA327697:JZA327700 KIW327697:KIW327700 KSS327697:KSS327700 LCO327697:LCO327700 LMK327697:LMK327700 LWG327697:LWG327700 MGC327697:MGC327700 MPY327697:MPY327700 MZU327697:MZU327700 NJQ327697:NJQ327700 NTM327697:NTM327700 ODI327697:ODI327700 ONE327697:ONE327700 OXA327697:OXA327700 PGW327697:PGW327700 PQS327697:PQS327700 QAO327697:QAO327700 QKK327697:QKK327700 QUG327697:QUG327700 REC327697:REC327700 RNY327697:RNY327700 RXU327697:RXU327700 SHQ327697:SHQ327700 SRM327697:SRM327700 TBI327697:TBI327700 TLE327697:TLE327700 TVA327697:TVA327700 UEW327697:UEW327700 UOS327697:UOS327700 UYO327697:UYO327700 VIK327697:VIK327700 VSG327697:VSG327700 WCC327697:WCC327700 WLY327697:WLY327700 WVU327697:WVU327700 M393233:M393236 JI393233:JI393236 TE393233:TE393236 ADA393233:ADA393236 AMW393233:AMW393236 AWS393233:AWS393236 BGO393233:BGO393236 BQK393233:BQK393236 CAG393233:CAG393236 CKC393233:CKC393236 CTY393233:CTY393236 DDU393233:DDU393236 DNQ393233:DNQ393236 DXM393233:DXM393236 EHI393233:EHI393236 ERE393233:ERE393236 FBA393233:FBA393236 FKW393233:FKW393236 FUS393233:FUS393236 GEO393233:GEO393236 GOK393233:GOK393236 GYG393233:GYG393236 HIC393233:HIC393236 HRY393233:HRY393236 IBU393233:IBU393236 ILQ393233:ILQ393236 IVM393233:IVM393236 JFI393233:JFI393236 JPE393233:JPE393236 JZA393233:JZA393236 KIW393233:KIW393236 KSS393233:KSS393236 LCO393233:LCO393236 LMK393233:LMK393236 LWG393233:LWG393236 MGC393233:MGC393236 MPY393233:MPY393236 MZU393233:MZU393236 NJQ393233:NJQ393236 NTM393233:NTM393236 ODI393233:ODI393236 ONE393233:ONE393236 OXA393233:OXA393236 PGW393233:PGW393236 PQS393233:PQS393236 QAO393233:QAO393236 QKK393233:QKK393236 QUG393233:QUG393236 REC393233:REC393236 RNY393233:RNY393236 RXU393233:RXU393236 SHQ393233:SHQ393236 SRM393233:SRM393236 TBI393233:TBI393236 TLE393233:TLE393236 TVA393233:TVA393236 UEW393233:UEW393236 UOS393233:UOS393236 UYO393233:UYO393236 VIK393233:VIK393236 VSG393233:VSG393236 WCC393233:WCC393236 WLY393233:WLY393236 WVU393233:WVU393236 M458769:M458772 JI458769:JI458772 TE458769:TE458772 ADA458769:ADA458772 AMW458769:AMW458772 AWS458769:AWS458772 BGO458769:BGO458772 BQK458769:BQK458772 CAG458769:CAG458772 CKC458769:CKC458772 CTY458769:CTY458772 DDU458769:DDU458772 DNQ458769:DNQ458772 DXM458769:DXM458772 EHI458769:EHI458772 ERE458769:ERE458772 FBA458769:FBA458772 FKW458769:FKW458772 FUS458769:FUS458772 GEO458769:GEO458772 GOK458769:GOK458772 GYG458769:GYG458772 HIC458769:HIC458772 HRY458769:HRY458772 IBU458769:IBU458772 ILQ458769:ILQ458772 IVM458769:IVM458772 JFI458769:JFI458772 JPE458769:JPE458772 JZA458769:JZA458772 KIW458769:KIW458772 KSS458769:KSS458772 LCO458769:LCO458772 LMK458769:LMK458772 LWG458769:LWG458772 MGC458769:MGC458772 MPY458769:MPY458772 MZU458769:MZU458772 NJQ458769:NJQ458772 NTM458769:NTM458772 ODI458769:ODI458772 ONE458769:ONE458772 OXA458769:OXA458772 PGW458769:PGW458772 PQS458769:PQS458772 QAO458769:QAO458772 QKK458769:QKK458772 QUG458769:QUG458772 REC458769:REC458772 RNY458769:RNY458772 RXU458769:RXU458772 SHQ458769:SHQ458772 SRM458769:SRM458772 TBI458769:TBI458772 TLE458769:TLE458772 TVA458769:TVA458772 UEW458769:UEW458772 UOS458769:UOS458772 UYO458769:UYO458772 VIK458769:VIK458772 VSG458769:VSG458772 WCC458769:WCC458772 WLY458769:WLY458772 WVU458769:WVU458772 M524305:M524308 JI524305:JI524308 TE524305:TE524308 ADA524305:ADA524308 AMW524305:AMW524308 AWS524305:AWS524308 BGO524305:BGO524308 BQK524305:BQK524308 CAG524305:CAG524308 CKC524305:CKC524308 CTY524305:CTY524308 DDU524305:DDU524308 DNQ524305:DNQ524308 DXM524305:DXM524308 EHI524305:EHI524308 ERE524305:ERE524308 FBA524305:FBA524308 FKW524305:FKW524308 FUS524305:FUS524308 GEO524305:GEO524308 GOK524305:GOK524308 GYG524305:GYG524308 HIC524305:HIC524308 HRY524305:HRY524308 IBU524305:IBU524308 ILQ524305:ILQ524308 IVM524305:IVM524308 JFI524305:JFI524308 JPE524305:JPE524308 JZA524305:JZA524308 KIW524305:KIW524308 KSS524305:KSS524308 LCO524305:LCO524308 LMK524305:LMK524308 LWG524305:LWG524308 MGC524305:MGC524308 MPY524305:MPY524308 MZU524305:MZU524308 NJQ524305:NJQ524308 NTM524305:NTM524308 ODI524305:ODI524308 ONE524305:ONE524308 OXA524305:OXA524308 PGW524305:PGW524308 PQS524305:PQS524308 QAO524305:QAO524308 QKK524305:QKK524308 QUG524305:QUG524308 REC524305:REC524308 RNY524305:RNY524308 RXU524305:RXU524308 SHQ524305:SHQ524308 SRM524305:SRM524308 TBI524305:TBI524308 TLE524305:TLE524308 TVA524305:TVA524308 UEW524305:UEW524308 UOS524305:UOS524308 UYO524305:UYO524308 VIK524305:VIK524308 VSG524305:VSG524308 WCC524305:WCC524308 WLY524305:WLY524308 WVU524305:WVU524308 M589841:M589844 JI589841:JI589844 TE589841:TE589844 ADA589841:ADA589844 AMW589841:AMW589844 AWS589841:AWS589844 BGO589841:BGO589844 BQK589841:BQK589844 CAG589841:CAG589844 CKC589841:CKC589844 CTY589841:CTY589844 DDU589841:DDU589844 DNQ589841:DNQ589844 DXM589841:DXM589844 EHI589841:EHI589844 ERE589841:ERE589844 FBA589841:FBA589844 FKW589841:FKW589844 FUS589841:FUS589844 GEO589841:GEO589844 GOK589841:GOK589844 GYG589841:GYG589844 HIC589841:HIC589844 HRY589841:HRY589844 IBU589841:IBU589844 ILQ589841:ILQ589844 IVM589841:IVM589844 JFI589841:JFI589844 JPE589841:JPE589844 JZA589841:JZA589844 KIW589841:KIW589844 KSS589841:KSS589844 LCO589841:LCO589844 LMK589841:LMK589844 LWG589841:LWG589844 MGC589841:MGC589844 MPY589841:MPY589844 MZU589841:MZU589844 NJQ589841:NJQ589844 NTM589841:NTM589844 ODI589841:ODI589844 ONE589841:ONE589844 OXA589841:OXA589844 PGW589841:PGW589844 PQS589841:PQS589844 QAO589841:QAO589844 QKK589841:QKK589844 QUG589841:QUG589844 REC589841:REC589844 RNY589841:RNY589844 RXU589841:RXU589844 SHQ589841:SHQ589844 SRM589841:SRM589844 TBI589841:TBI589844 TLE589841:TLE589844 TVA589841:TVA589844 UEW589841:UEW589844 UOS589841:UOS589844 UYO589841:UYO589844 VIK589841:VIK589844 VSG589841:VSG589844 WCC589841:WCC589844 WLY589841:WLY589844 WVU589841:WVU589844 M655377:M655380 JI655377:JI655380 TE655377:TE655380 ADA655377:ADA655380 AMW655377:AMW655380 AWS655377:AWS655380 BGO655377:BGO655380 BQK655377:BQK655380 CAG655377:CAG655380 CKC655377:CKC655380 CTY655377:CTY655380 DDU655377:DDU655380 DNQ655377:DNQ655380 DXM655377:DXM655380 EHI655377:EHI655380 ERE655377:ERE655380 FBA655377:FBA655380 FKW655377:FKW655380 FUS655377:FUS655380 GEO655377:GEO655380 GOK655377:GOK655380 GYG655377:GYG655380 HIC655377:HIC655380 HRY655377:HRY655380 IBU655377:IBU655380 ILQ655377:ILQ655380 IVM655377:IVM655380 JFI655377:JFI655380 JPE655377:JPE655380 JZA655377:JZA655380 KIW655377:KIW655380 KSS655377:KSS655380 LCO655377:LCO655380 LMK655377:LMK655380 LWG655377:LWG655380 MGC655377:MGC655380 MPY655377:MPY655380 MZU655377:MZU655380 NJQ655377:NJQ655380 NTM655377:NTM655380 ODI655377:ODI655380 ONE655377:ONE655380 OXA655377:OXA655380 PGW655377:PGW655380 PQS655377:PQS655380 QAO655377:QAO655380 QKK655377:QKK655380 QUG655377:QUG655380 REC655377:REC655380 RNY655377:RNY655380 RXU655377:RXU655380 SHQ655377:SHQ655380 SRM655377:SRM655380 TBI655377:TBI655380 TLE655377:TLE655380 TVA655377:TVA655380 UEW655377:UEW655380 UOS655377:UOS655380 UYO655377:UYO655380 VIK655377:VIK655380 VSG655377:VSG655380 WCC655377:WCC655380 WLY655377:WLY655380 WVU655377:WVU655380 M720913:M720916 JI720913:JI720916 TE720913:TE720916 ADA720913:ADA720916 AMW720913:AMW720916 AWS720913:AWS720916 BGO720913:BGO720916 BQK720913:BQK720916 CAG720913:CAG720916 CKC720913:CKC720916 CTY720913:CTY720916 DDU720913:DDU720916 DNQ720913:DNQ720916 DXM720913:DXM720916 EHI720913:EHI720916 ERE720913:ERE720916 FBA720913:FBA720916 FKW720913:FKW720916 FUS720913:FUS720916 GEO720913:GEO720916 GOK720913:GOK720916 GYG720913:GYG720916 HIC720913:HIC720916 HRY720913:HRY720916 IBU720913:IBU720916 ILQ720913:ILQ720916 IVM720913:IVM720916 JFI720913:JFI720916 JPE720913:JPE720916 JZA720913:JZA720916 KIW720913:KIW720916 KSS720913:KSS720916 LCO720913:LCO720916 LMK720913:LMK720916 LWG720913:LWG720916 MGC720913:MGC720916 MPY720913:MPY720916 MZU720913:MZU720916 NJQ720913:NJQ720916 NTM720913:NTM720916 ODI720913:ODI720916 ONE720913:ONE720916 OXA720913:OXA720916 PGW720913:PGW720916 PQS720913:PQS720916 QAO720913:QAO720916 QKK720913:QKK720916 QUG720913:QUG720916 REC720913:REC720916 RNY720913:RNY720916 RXU720913:RXU720916 SHQ720913:SHQ720916 SRM720913:SRM720916 TBI720913:TBI720916 TLE720913:TLE720916 TVA720913:TVA720916 UEW720913:UEW720916 UOS720913:UOS720916 UYO720913:UYO720916 VIK720913:VIK720916 VSG720913:VSG720916 WCC720913:WCC720916 WLY720913:WLY720916 WVU720913:WVU720916 M786449:M786452 JI786449:JI786452 TE786449:TE786452 ADA786449:ADA786452 AMW786449:AMW786452 AWS786449:AWS786452 BGO786449:BGO786452 BQK786449:BQK786452 CAG786449:CAG786452 CKC786449:CKC786452 CTY786449:CTY786452 DDU786449:DDU786452 DNQ786449:DNQ786452 DXM786449:DXM786452 EHI786449:EHI786452 ERE786449:ERE786452 FBA786449:FBA786452 FKW786449:FKW786452 FUS786449:FUS786452 GEO786449:GEO786452 GOK786449:GOK786452 GYG786449:GYG786452 HIC786449:HIC786452 HRY786449:HRY786452 IBU786449:IBU786452 ILQ786449:ILQ786452 IVM786449:IVM786452 JFI786449:JFI786452 JPE786449:JPE786452 JZA786449:JZA786452 KIW786449:KIW786452 KSS786449:KSS786452 LCO786449:LCO786452 LMK786449:LMK786452 LWG786449:LWG786452 MGC786449:MGC786452 MPY786449:MPY786452 MZU786449:MZU786452 NJQ786449:NJQ786452 NTM786449:NTM786452 ODI786449:ODI786452 ONE786449:ONE786452 OXA786449:OXA786452 PGW786449:PGW786452 PQS786449:PQS786452 QAO786449:QAO786452 QKK786449:QKK786452 QUG786449:QUG786452 REC786449:REC786452 RNY786449:RNY786452 RXU786449:RXU786452 SHQ786449:SHQ786452 SRM786449:SRM786452 TBI786449:TBI786452 TLE786449:TLE786452 TVA786449:TVA786452 UEW786449:UEW786452 UOS786449:UOS786452 UYO786449:UYO786452 VIK786449:VIK786452 VSG786449:VSG786452 WCC786449:WCC786452 WLY786449:WLY786452 WVU786449:WVU786452 M851985:M851988 JI851985:JI851988 TE851985:TE851988 ADA851985:ADA851988 AMW851985:AMW851988 AWS851985:AWS851988 BGO851985:BGO851988 BQK851985:BQK851988 CAG851985:CAG851988 CKC851985:CKC851988 CTY851985:CTY851988 DDU851985:DDU851988 DNQ851985:DNQ851988 DXM851985:DXM851988 EHI851985:EHI851988 ERE851985:ERE851988 FBA851985:FBA851988 FKW851985:FKW851988 FUS851985:FUS851988 GEO851985:GEO851988 GOK851985:GOK851988 GYG851985:GYG851988 HIC851985:HIC851988 HRY851985:HRY851988 IBU851985:IBU851988 ILQ851985:ILQ851988 IVM851985:IVM851988 JFI851985:JFI851988 JPE851985:JPE851988 JZA851985:JZA851988 KIW851985:KIW851988 KSS851985:KSS851988 LCO851985:LCO851988 LMK851985:LMK851988 LWG851985:LWG851988 MGC851985:MGC851988 MPY851985:MPY851988 MZU851985:MZU851988 NJQ851985:NJQ851988 NTM851985:NTM851988 ODI851985:ODI851988 ONE851985:ONE851988 OXA851985:OXA851988 PGW851985:PGW851988 PQS851985:PQS851988 QAO851985:QAO851988 QKK851985:QKK851988 QUG851985:QUG851988 REC851985:REC851988 RNY851985:RNY851988 RXU851985:RXU851988 SHQ851985:SHQ851988 SRM851985:SRM851988 TBI851985:TBI851988 TLE851985:TLE851988 TVA851985:TVA851988 UEW851985:UEW851988 UOS851985:UOS851988 UYO851985:UYO851988 VIK851985:VIK851988 VSG851985:VSG851988 WCC851985:WCC851988 WLY851985:WLY851988 WVU851985:WVU851988 M917521:M917524 JI917521:JI917524 TE917521:TE917524 ADA917521:ADA917524 AMW917521:AMW917524 AWS917521:AWS917524 BGO917521:BGO917524 BQK917521:BQK917524 CAG917521:CAG917524 CKC917521:CKC917524 CTY917521:CTY917524 DDU917521:DDU917524 DNQ917521:DNQ917524 DXM917521:DXM917524 EHI917521:EHI917524 ERE917521:ERE917524 FBA917521:FBA917524 FKW917521:FKW917524 FUS917521:FUS917524 GEO917521:GEO917524 GOK917521:GOK917524 GYG917521:GYG917524 HIC917521:HIC917524 HRY917521:HRY917524 IBU917521:IBU917524 ILQ917521:ILQ917524 IVM917521:IVM917524 JFI917521:JFI917524 JPE917521:JPE917524 JZA917521:JZA917524 KIW917521:KIW917524 KSS917521:KSS917524 LCO917521:LCO917524 LMK917521:LMK917524 LWG917521:LWG917524 MGC917521:MGC917524 MPY917521:MPY917524 MZU917521:MZU917524 NJQ917521:NJQ917524 NTM917521:NTM917524 ODI917521:ODI917524 ONE917521:ONE917524 OXA917521:OXA917524 PGW917521:PGW917524 PQS917521:PQS917524 QAO917521:QAO917524 QKK917521:QKK917524 QUG917521:QUG917524 REC917521:REC917524 RNY917521:RNY917524 RXU917521:RXU917524 SHQ917521:SHQ917524 SRM917521:SRM917524 TBI917521:TBI917524 TLE917521:TLE917524 TVA917521:TVA917524 UEW917521:UEW917524 UOS917521:UOS917524 UYO917521:UYO917524 VIK917521:VIK917524 VSG917521:VSG917524 WCC917521:WCC917524 WLY917521:WLY917524 WVU917521:WVU917524 M983057:M983060 JI983057:JI983060 TE983057:TE983060 ADA983057:ADA983060 AMW983057:AMW983060 AWS983057:AWS983060 BGO983057:BGO983060 BQK983057:BQK983060 CAG983057:CAG983060 CKC983057:CKC983060 CTY983057:CTY983060 DDU983057:DDU983060 DNQ983057:DNQ983060 DXM983057:DXM983060 EHI983057:EHI983060 ERE983057:ERE983060 FBA983057:FBA983060 FKW983057:FKW983060 FUS983057:FUS983060 GEO983057:GEO983060 GOK983057:GOK983060 GYG983057:GYG983060 HIC983057:HIC983060 HRY983057:HRY983060 IBU983057:IBU983060 ILQ983057:ILQ983060 IVM983057:IVM983060 JFI983057:JFI983060 JPE983057:JPE983060 JZA983057:JZA983060 KIW983057:KIW983060 KSS983057:KSS983060 LCO983057:LCO983060 LMK983057:LMK983060 LWG983057:LWG983060 MGC983057:MGC983060 MPY983057:MPY983060 MZU983057:MZU983060 NJQ983057:NJQ983060 NTM983057:NTM983060 ODI983057:ODI983060 ONE983057:ONE983060 OXA983057:OXA983060 PGW983057:PGW983060 PQS983057:PQS983060 QAO983057:QAO983060 QKK983057:QKK983060 QUG983057:QUG983060 REC983057:REC983060 RNY983057:RNY983060 RXU983057:RXU983060 SHQ983057:SHQ983060 SRM983057:SRM983060 TBI983057:TBI983060 TLE983057:TLE983060 TVA983057:TVA983060 UEW983057:UEW983060 UOS983057:UOS983060 UYO983057:UYO983060 VIK983057:VIK983060 VSG983057:VSG983060 WCC983057:WCC983060 WLY983057:WLY983060 WVU983057:WVU983060 L21 JH21 TD21 ACZ21 AMV21 AWR21 BGN21 BQJ21 CAF21 CKB21 CTX21 DDT21 DNP21 DXL21 EHH21 ERD21 FAZ21 FKV21 FUR21 GEN21 GOJ21 GYF21 HIB21 HRX21 IBT21 ILP21 IVL21 JFH21 JPD21 JYZ21 KIV21 KSR21 LCN21 LMJ21 LWF21 MGB21 MPX21 MZT21 NJP21 NTL21 ODH21 OND21 OWZ21 PGV21 PQR21 QAN21 QKJ21 QUF21 REB21 RNX21 RXT21 SHP21 SRL21 TBH21 TLD21 TUZ21 UEV21 UOR21 UYN21 VIJ21 VSF21 WCB21 WLX21 WVT21 L65557 JH65557 TD65557 ACZ65557 AMV65557 AWR65557 BGN65557 BQJ65557 CAF65557 CKB65557 CTX65557 DDT65557 DNP65557 DXL65557 EHH65557 ERD65557 FAZ65557 FKV65557 FUR65557 GEN65557 GOJ65557 GYF65557 HIB65557 HRX65557 IBT65557 ILP65557 IVL65557 JFH65557 JPD65557 JYZ65557 KIV65557 KSR65557 LCN65557 LMJ65557 LWF65557 MGB65557 MPX65557 MZT65557 NJP65557 NTL65557 ODH65557 OND65557 OWZ65557 PGV65557 PQR65557 QAN65557 QKJ65557 QUF65557 REB65557 RNX65557 RXT65557 SHP65557 SRL65557 TBH65557 TLD65557 TUZ65557 UEV65557 UOR65557 UYN65557 VIJ65557 VSF65557 WCB65557 WLX65557 WVT65557 L131093 JH131093 TD131093 ACZ131093 AMV131093 AWR131093 BGN131093 BQJ131093 CAF131093 CKB131093 CTX131093 DDT131093 DNP131093 DXL131093 EHH131093 ERD131093 FAZ131093 FKV131093 FUR131093 GEN131093 GOJ131093 GYF131093 HIB131093 HRX131093 IBT131093 ILP131093 IVL131093 JFH131093 JPD131093 JYZ131093 KIV131093 KSR131093 LCN131093 LMJ131093 LWF131093 MGB131093 MPX131093 MZT131093 NJP131093 NTL131093 ODH131093 OND131093 OWZ131093 PGV131093 PQR131093 QAN131093 QKJ131093 QUF131093 REB131093 RNX131093 RXT131093 SHP131093 SRL131093 TBH131093 TLD131093 TUZ131093 UEV131093 UOR131093 UYN131093 VIJ131093 VSF131093 WCB131093 WLX131093 WVT131093 L196629 JH196629 TD196629 ACZ196629 AMV196629 AWR196629 BGN196629 BQJ196629 CAF196629 CKB196629 CTX196629 DDT196629 DNP196629 DXL196629 EHH196629 ERD196629 FAZ196629 FKV196629 FUR196629 GEN196629 GOJ196629 GYF196629 HIB196629 HRX196629 IBT196629 ILP196629 IVL196629 JFH196629 JPD196629 JYZ196629 KIV196629 KSR196629 LCN196629 LMJ196629 LWF196629 MGB196629 MPX196629 MZT196629 NJP196629 NTL196629 ODH196629 OND196629 OWZ196629 PGV196629 PQR196629 QAN196629 QKJ196629 QUF196629 REB196629 RNX196629 RXT196629 SHP196629 SRL196629 TBH196629 TLD196629 TUZ196629 UEV196629 UOR196629 UYN196629 VIJ196629 VSF196629 WCB196629 WLX196629 WVT196629 L262165 JH262165 TD262165 ACZ262165 AMV262165 AWR262165 BGN262165 BQJ262165 CAF262165 CKB262165 CTX262165 DDT262165 DNP262165 DXL262165 EHH262165 ERD262165 FAZ262165 FKV262165 FUR262165 GEN262165 GOJ262165 GYF262165 HIB262165 HRX262165 IBT262165 ILP262165 IVL262165 JFH262165 JPD262165 JYZ262165 KIV262165 KSR262165 LCN262165 LMJ262165 LWF262165 MGB262165 MPX262165 MZT262165 NJP262165 NTL262165 ODH262165 OND262165 OWZ262165 PGV262165 PQR262165 QAN262165 QKJ262165 QUF262165 REB262165 RNX262165 RXT262165 SHP262165 SRL262165 TBH262165 TLD262165 TUZ262165 UEV262165 UOR262165 UYN262165 VIJ262165 VSF262165 WCB262165 WLX262165 WVT262165 L327701 JH327701 TD327701 ACZ327701 AMV327701 AWR327701 BGN327701 BQJ327701 CAF327701 CKB327701 CTX327701 DDT327701 DNP327701 DXL327701 EHH327701 ERD327701 FAZ327701 FKV327701 FUR327701 GEN327701 GOJ327701 GYF327701 HIB327701 HRX327701 IBT327701 ILP327701 IVL327701 JFH327701 JPD327701 JYZ327701 KIV327701 KSR327701 LCN327701 LMJ327701 LWF327701 MGB327701 MPX327701 MZT327701 NJP327701 NTL327701 ODH327701 OND327701 OWZ327701 PGV327701 PQR327701 QAN327701 QKJ327701 QUF327701 REB327701 RNX327701 RXT327701 SHP327701 SRL327701 TBH327701 TLD327701 TUZ327701 UEV327701 UOR327701 UYN327701 VIJ327701 VSF327701 WCB327701 WLX327701 WVT327701 L393237 JH393237 TD393237 ACZ393237 AMV393237 AWR393237 BGN393237 BQJ393237 CAF393237 CKB393237 CTX393237 DDT393237 DNP393237 DXL393237 EHH393237 ERD393237 FAZ393237 FKV393237 FUR393237 GEN393237 GOJ393237 GYF393237 HIB393237 HRX393237 IBT393237 ILP393237 IVL393237 JFH393237 JPD393237 JYZ393237 KIV393237 KSR393237 LCN393237 LMJ393237 LWF393237 MGB393237 MPX393237 MZT393237 NJP393237 NTL393237 ODH393237 OND393237 OWZ393237 PGV393237 PQR393237 QAN393237 QKJ393237 QUF393237 REB393237 RNX393237 RXT393237 SHP393237 SRL393237 TBH393237 TLD393237 TUZ393237 UEV393237 UOR393237 UYN393237 VIJ393237 VSF393237 WCB393237 WLX393237 WVT393237 L458773 JH458773 TD458773 ACZ458773 AMV458773 AWR458773 BGN458773 BQJ458773 CAF458773 CKB458773 CTX458773 DDT458773 DNP458773 DXL458773 EHH458773 ERD458773 FAZ458773 FKV458773 FUR458773 GEN458773 GOJ458773 GYF458773 HIB458773 HRX458773 IBT458773 ILP458773 IVL458773 JFH458773 JPD458773 JYZ458773 KIV458773 KSR458773 LCN458773 LMJ458773 LWF458773 MGB458773 MPX458773 MZT458773 NJP458773 NTL458773 ODH458773 OND458773 OWZ458773 PGV458773 PQR458773 QAN458773 QKJ458773 QUF458773 REB458773 RNX458773 RXT458773 SHP458773 SRL458773 TBH458773 TLD458773 TUZ458773 UEV458773 UOR458773 UYN458773 VIJ458773 VSF458773 WCB458773 WLX458773 WVT458773 L524309 JH524309 TD524309 ACZ524309 AMV524309 AWR524309 BGN524309 BQJ524309 CAF524309 CKB524309 CTX524309 DDT524309 DNP524309 DXL524309 EHH524309 ERD524309 FAZ524309 FKV524309 FUR524309 GEN524309 GOJ524309 GYF524309 HIB524309 HRX524309 IBT524309 ILP524309 IVL524309 JFH524309 JPD524309 JYZ524309 KIV524309 KSR524309 LCN524309 LMJ524309 LWF524309 MGB524309 MPX524309 MZT524309 NJP524309 NTL524309 ODH524309 OND524309 OWZ524309 PGV524309 PQR524309 QAN524309 QKJ524309 QUF524309 REB524309 RNX524309 RXT524309 SHP524309 SRL524309 TBH524309 TLD524309 TUZ524309 UEV524309 UOR524309 UYN524309 VIJ524309 VSF524309 WCB524309 WLX524309 WVT524309 L589845 JH589845 TD589845 ACZ589845 AMV589845 AWR589845 BGN589845 BQJ589845 CAF589845 CKB589845 CTX589845 DDT589845 DNP589845 DXL589845 EHH589845 ERD589845 FAZ589845 FKV589845 FUR589845 GEN589845 GOJ589845 GYF589845 HIB589845 HRX589845 IBT589845 ILP589845 IVL589845 JFH589845 JPD589845 JYZ589845 KIV589845 KSR589845 LCN589845 LMJ589845 LWF589845 MGB589845 MPX589845 MZT589845 NJP589845 NTL589845 ODH589845 OND589845 OWZ589845 PGV589845 PQR589845 QAN589845 QKJ589845 QUF589845 REB589845 RNX589845 RXT589845 SHP589845 SRL589845 TBH589845 TLD589845 TUZ589845 UEV589845 UOR589845 UYN589845 VIJ589845 VSF589845 WCB589845 WLX589845 WVT589845 L655381 JH655381 TD655381 ACZ655381 AMV655381 AWR655381 BGN655381 BQJ655381 CAF655381 CKB655381 CTX655381 DDT655381 DNP655381 DXL655381 EHH655381 ERD655381 FAZ655381 FKV655381 FUR655381 GEN655381 GOJ655381 GYF655381 HIB655381 HRX655381 IBT655381 ILP655381 IVL655381 JFH655381 JPD655381 JYZ655381 KIV655381 KSR655381 LCN655381 LMJ655381 LWF655381 MGB655381 MPX655381 MZT655381 NJP655381 NTL655381 ODH655381 OND655381 OWZ655381 PGV655381 PQR655381 QAN655381 QKJ655381 QUF655381 REB655381 RNX655381 RXT655381 SHP655381 SRL655381 TBH655381 TLD655381 TUZ655381 UEV655381 UOR655381 UYN655381 VIJ655381 VSF655381 WCB655381 WLX655381 WVT655381 L720917 JH720917 TD720917 ACZ720917 AMV720917 AWR720917 BGN720917 BQJ720917 CAF720917 CKB720917 CTX720917 DDT720917 DNP720917 DXL720917 EHH720917 ERD720917 FAZ720917 FKV720917 FUR720917 GEN720917 GOJ720917 GYF720917 HIB720917 HRX720917 IBT720917 ILP720917 IVL720917 JFH720917 JPD720917 JYZ720917 KIV720917 KSR720917 LCN720917 LMJ720917 LWF720917 MGB720917 MPX720917 MZT720917 NJP720917 NTL720917 ODH720917 OND720917 OWZ720917 PGV720917 PQR720917 QAN720917 QKJ720917 QUF720917 REB720917 RNX720917 RXT720917 SHP720917 SRL720917 TBH720917 TLD720917 TUZ720917 UEV720917 UOR720917 UYN720917 VIJ720917 VSF720917 WCB720917 WLX720917 WVT720917 L786453 JH786453 TD786453 ACZ786453 AMV786453 AWR786453 BGN786453 BQJ786453 CAF786453 CKB786453 CTX786453 DDT786453 DNP786453 DXL786453 EHH786453 ERD786453 FAZ786453 FKV786453 FUR786453 GEN786453 GOJ786453 GYF786453 HIB786453 HRX786453 IBT786453 ILP786453 IVL786453 JFH786453 JPD786453 JYZ786453 KIV786453 KSR786453 LCN786453 LMJ786453 LWF786453 MGB786453 MPX786453 MZT786453 NJP786453 NTL786453 ODH786453 OND786453 OWZ786453 PGV786453 PQR786453 QAN786453 QKJ786453 QUF786453 REB786453 RNX786453 RXT786453 SHP786453 SRL786453 TBH786453 TLD786453 TUZ786453 UEV786453 UOR786453 UYN786453 VIJ786453 VSF786453 WCB786453 WLX786453 WVT786453 L851989 JH851989 TD851989 ACZ851989 AMV851989 AWR851989 BGN851989 BQJ851989 CAF851989 CKB851989 CTX851989 DDT851989 DNP851989 DXL851989 EHH851989 ERD851989 FAZ851989 FKV851989 FUR851989 GEN851989 GOJ851989 GYF851989 HIB851989 HRX851989 IBT851989 ILP851989 IVL851989 JFH851989 JPD851989 JYZ851989 KIV851989 KSR851989 LCN851989 LMJ851989 LWF851989 MGB851989 MPX851989 MZT851989 NJP851989 NTL851989 ODH851989 OND851989 OWZ851989 PGV851989 PQR851989 QAN851989 QKJ851989 QUF851989 REB851989 RNX851989 RXT851989 SHP851989 SRL851989 TBH851989 TLD851989 TUZ851989 UEV851989 UOR851989 UYN851989 VIJ851989 VSF851989 WCB851989 WLX851989 WVT851989 L917525 JH917525 TD917525 ACZ917525 AMV917525 AWR917525 BGN917525 BQJ917525 CAF917525 CKB917525 CTX917525 DDT917525 DNP917525 DXL917525 EHH917525 ERD917525 FAZ917525 FKV917525 FUR917525 GEN917525 GOJ917525 GYF917525 HIB917525 HRX917525 IBT917525 ILP917525 IVL917525 JFH917525 JPD917525 JYZ917525 KIV917525 KSR917525 LCN917525 LMJ917525 LWF917525 MGB917525 MPX917525 MZT917525 NJP917525 NTL917525 ODH917525 OND917525 OWZ917525 PGV917525 PQR917525 QAN917525 QKJ917525 QUF917525 REB917525 RNX917525 RXT917525 SHP917525 SRL917525 TBH917525 TLD917525 TUZ917525 UEV917525 UOR917525 UYN917525 VIJ917525 VSF917525 WCB917525 WLX917525 WVT917525 L983061 JH983061 TD983061 ACZ983061 AMV983061 AWR983061 BGN983061 BQJ983061 CAF983061 CKB983061 CTX983061 DDT983061 DNP983061 DXL983061 EHH983061 ERD983061 FAZ983061 FKV983061 FUR983061 GEN983061 GOJ983061 GYF983061 HIB983061 HRX983061 IBT983061 ILP983061 IVL983061 JFH983061 JPD983061 JYZ983061 KIV983061 KSR983061 LCN983061 LMJ983061 LWF983061 MGB983061 MPX983061 MZT983061 NJP983061 NTL983061 ODH983061 OND983061 OWZ983061 PGV983061 PQR983061 QAN983061 QKJ983061 QUF983061 REB983061 RNX983061 RXT983061 SHP983061 SRL983061 TBH983061 TLD983061 TUZ983061 UEV983061 UOR983061 UYN983061 VIJ983061 VSF983061 WCB983061 WLX983061 WVT983061 L22:M23 JH22:JI23 TD22:TE23 ACZ22:ADA23 AMV22:AMW23 AWR22:AWS23 BGN22:BGO23 BQJ22:BQK23 CAF22:CAG23 CKB22:CKC23 CTX22:CTY23 DDT22:DDU23 DNP22:DNQ23 DXL22:DXM23 EHH22:EHI23 ERD22:ERE23 FAZ22:FBA23 FKV22:FKW23 FUR22:FUS23 GEN22:GEO23 GOJ22:GOK23 GYF22:GYG23 HIB22:HIC23 HRX22:HRY23 IBT22:IBU23 ILP22:ILQ23 IVL22:IVM23 JFH22:JFI23 JPD22:JPE23 JYZ22:JZA23 KIV22:KIW23 KSR22:KSS23 LCN22:LCO23 LMJ22:LMK23 LWF22:LWG23 MGB22:MGC23 MPX22:MPY23 MZT22:MZU23 NJP22:NJQ23 NTL22:NTM23 ODH22:ODI23 OND22:ONE23 OWZ22:OXA23 PGV22:PGW23 PQR22:PQS23 QAN22:QAO23 QKJ22:QKK23 QUF22:QUG23 REB22:REC23 RNX22:RNY23 RXT22:RXU23 SHP22:SHQ23 SRL22:SRM23 TBH22:TBI23 TLD22:TLE23 TUZ22:TVA23 UEV22:UEW23 UOR22:UOS23 UYN22:UYO23 VIJ22:VIK23 VSF22:VSG23 WCB22:WCC23 WLX22:WLY23 WVT22:WVU23 L65558:M65559 JH65558:JI65559 TD65558:TE65559 ACZ65558:ADA65559 AMV65558:AMW65559 AWR65558:AWS65559 BGN65558:BGO65559 BQJ65558:BQK65559 CAF65558:CAG65559 CKB65558:CKC65559 CTX65558:CTY65559 DDT65558:DDU65559 DNP65558:DNQ65559 DXL65558:DXM65559 EHH65558:EHI65559 ERD65558:ERE65559 FAZ65558:FBA65559 FKV65558:FKW65559 FUR65558:FUS65559 GEN65558:GEO65559 GOJ65558:GOK65559 GYF65558:GYG65559 HIB65558:HIC65559 HRX65558:HRY65559 IBT65558:IBU65559 ILP65558:ILQ65559 IVL65558:IVM65559 JFH65558:JFI65559 JPD65558:JPE65559 JYZ65558:JZA65559 KIV65558:KIW65559 KSR65558:KSS65559 LCN65558:LCO65559 LMJ65558:LMK65559 LWF65558:LWG65559 MGB65558:MGC65559 MPX65558:MPY65559 MZT65558:MZU65559 NJP65558:NJQ65559 NTL65558:NTM65559 ODH65558:ODI65559 OND65558:ONE65559 OWZ65558:OXA65559 PGV65558:PGW65559 PQR65558:PQS65559 QAN65558:QAO65559 QKJ65558:QKK65559 QUF65558:QUG65559 REB65558:REC65559 RNX65558:RNY65559 RXT65558:RXU65559 SHP65558:SHQ65559 SRL65558:SRM65559 TBH65558:TBI65559 TLD65558:TLE65559 TUZ65558:TVA65559 UEV65558:UEW65559 UOR65558:UOS65559 UYN65558:UYO65559 VIJ65558:VIK65559 VSF65558:VSG65559 WCB65558:WCC65559 WLX65558:WLY65559 WVT65558:WVU65559 L131094:M131095 JH131094:JI131095 TD131094:TE131095 ACZ131094:ADA131095 AMV131094:AMW131095 AWR131094:AWS131095 BGN131094:BGO131095 BQJ131094:BQK131095 CAF131094:CAG131095 CKB131094:CKC131095 CTX131094:CTY131095 DDT131094:DDU131095 DNP131094:DNQ131095 DXL131094:DXM131095 EHH131094:EHI131095 ERD131094:ERE131095 FAZ131094:FBA131095 FKV131094:FKW131095 FUR131094:FUS131095 GEN131094:GEO131095 GOJ131094:GOK131095 GYF131094:GYG131095 HIB131094:HIC131095 HRX131094:HRY131095 IBT131094:IBU131095 ILP131094:ILQ131095 IVL131094:IVM131095 JFH131094:JFI131095 JPD131094:JPE131095 JYZ131094:JZA131095 KIV131094:KIW131095 KSR131094:KSS131095 LCN131094:LCO131095 LMJ131094:LMK131095 LWF131094:LWG131095 MGB131094:MGC131095 MPX131094:MPY131095 MZT131094:MZU131095 NJP131094:NJQ131095 NTL131094:NTM131095 ODH131094:ODI131095 OND131094:ONE131095 OWZ131094:OXA131095 PGV131094:PGW131095 PQR131094:PQS131095 QAN131094:QAO131095 QKJ131094:QKK131095 QUF131094:QUG131095 REB131094:REC131095 RNX131094:RNY131095 RXT131094:RXU131095 SHP131094:SHQ131095 SRL131094:SRM131095 TBH131094:TBI131095 TLD131094:TLE131095 TUZ131094:TVA131095 UEV131094:UEW131095 UOR131094:UOS131095 UYN131094:UYO131095 VIJ131094:VIK131095 VSF131094:VSG131095 WCB131094:WCC131095 WLX131094:WLY131095 WVT131094:WVU131095 L196630:M196631 JH196630:JI196631 TD196630:TE196631 ACZ196630:ADA196631 AMV196630:AMW196631 AWR196630:AWS196631 BGN196630:BGO196631 BQJ196630:BQK196631 CAF196630:CAG196631 CKB196630:CKC196631 CTX196630:CTY196631 DDT196630:DDU196631 DNP196630:DNQ196631 DXL196630:DXM196631 EHH196630:EHI196631 ERD196630:ERE196631 FAZ196630:FBA196631 FKV196630:FKW196631 FUR196630:FUS196631 GEN196630:GEO196631 GOJ196630:GOK196631 GYF196630:GYG196631 HIB196630:HIC196631 HRX196630:HRY196631 IBT196630:IBU196631 ILP196630:ILQ196631 IVL196630:IVM196631 JFH196630:JFI196631 JPD196630:JPE196631 JYZ196630:JZA196631 KIV196630:KIW196631 KSR196630:KSS196631 LCN196630:LCO196631 LMJ196630:LMK196631 LWF196630:LWG196631 MGB196630:MGC196631 MPX196630:MPY196631 MZT196630:MZU196631 NJP196630:NJQ196631 NTL196630:NTM196631 ODH196630:ODI196631 OND196630:ONE196631 OWZ196630:OXA196631 PGV196630:PGW196631 PQR196630:PQS196631 QAN196630:QAO196631 QKJ196630:QKK196631 QUF196630:QUG196631 REB196630:REC196631 RNX196630:RNY196631 RXT196630:RXU196631 SHP196630:SHQ196631 SRL196630:SRM196631 TBH196630:TBI196631 TLD196630:TLE196631 TUZ196630:TVA196631 UEV196630:UEW196631 UOR196630:UOS196631 UYN196630:UYO196631 VIJ196630:VIK196631 VSF196630:VSG196631 WCB196630:WCC196631 WLX196630:WLY196631 WVT196630:WVU196631 L262166:M262167 JH262166:JI262167 TD262166:TE262167 ACZ262166:ADA262167 AMV262166:AMW262167 AWR262166:AWS262167 BGN262166:BGO262167 BQJ262166:BQK262167 CAF262166:CAG262167 CKB262166:CKC262167 CTX262166:CTY262167 DDT262166:DDU262167 DNP262166:DNQ262167 DXL262166:DXM262167 EHH262166:EHI262167 ERD262166:ERE262167 FAZ262166:FBA262167 FKV262166:FKW262167 FUR262166:FUS262167 GEN262166:GEO262167 GOJ262166:GOK262167 GYF262166:GYG262167 HIB262166:HIC262167 HRX262166:HRY262167 IBT262166:IBU262167 ILP262166:ILQ262167 IVL262166:IVM262167 JFH262166:JFI262167 JPD262166:JPE262167 JYZ262166:JZA262167 KIV262166:KIW262167 KSR262166:KSS262167 LCN262166:LCO262167 LMJ262166:LMK262167 LWF262166:LWG262167 MGB262166:MGC262167 MPX262166:MPY262167 MZT262166:MZU262167 NJP262166:NJQ262167 NTL262166:NTM262167 ODH262166:ODI262167 OND262166:ONE262167 OWZ262166:OXA262167 PGV262166:PGW262167 PQR262166:PQS262167 QAN262166:QAO262167 QKJ262166:QKK262167 QUF262166:QUG262167 REB262166:REC262167 RNX262166:RNY262167 RXT262166:RXU262167 SHP262166:SHQ262167 SRL262166:SRM262167 TBH262166:TBI262167 TLD262166:TLE262167 TUZ262166:TVA262167 UEV262166:UEW262167 UOR262166:UOS262167 UYN262166:UYO262167 VIJ262166:VIK262167 VSF262166:VSG262167 WCB262166:WCC262167 WLX262166:WLY262167 WVT262166:WVU262167 L327702:M327703 JH327702:JI327703 TD327702:TE327703 ACZ327702:ADA327703 AMV327702:AMW327703 AWR327702:AWS327703 BGN327702:BGO327703 BQJ327702:BQK327703 CAF327702:CAG327703 CKB327702:CKC327703 CTX327702:CTY327703 DDT327702:DDU327703 DNP327702:DNQ327703 DXL327702:DXM327703 EHH327702:EHI327703 ERD327702:ERE327703 FAZ327702:FBA327703 FKV327702:FKW327703 FUR327702:FUS327703 GEN327702:GEO327703 GOJ327702:GOK327703 GYF327702:GYG327703 HIB327702:HIC327703 HRX327702:HRY327703 IBT327702:IBU327703 ILP327702:ILQ327703 IVL327702:IVM327703 JFH327702:JFI327703 JPD327702:JPE327703 JYZ327702:JZA327703 KIV327702:KIW327703 KSR327702:KSS327703 LCN327702:LCO327703 LMJ327702:LMK327703 LWF327702:LWG327703 MGB327702:MGC327703 MPX327702:MPY327703 MZT327702:MZU327703 NJP327702:NJQ327703 NTL327702:NTM327703 ODH327702:ODI327703 OND327702:ONE327703 OWZ327702:OXA327703 PGV327702:PGW327703 PQR327702:PQS327703 QAN327702:QAO327703 QKJ327702:QKK327703 QUF327702:QUG327703 REB327702:REC327703 RNX327702:RNY327703 RXT327702:RXU327703 SHP327702:SHQ327703 SRL327702:SRM327703 TBH327702:TBI327703 TLD327702:TLE327703 TUZ327702:TVA327703 UEV327702:UEW327703 UOR327702:UOS327703 UYN327702:UYO327703 VIJ327702:VIK327703 VSF327702:VSG327703 WCB327702:WCC327703 WLX327702:WLY327703 WVT327702:WVU327703 L393238:M393239 JH393238:JI393239 TD393238:TE393239 ACZ393238:ADA393239 AMV393238:AMW393239 AWR393238:AWS393239 BGN393238:BGO393239 BQJ393238:BQK393239 CAF393238:CAG393239 CKB393238:CKC393239 CTX393238:CTY393239 DDT393238:DDU393239 DNP393238:DNQ393239 DXL393238:DXM393239 EHH393238:EHI393239 ERD393238:ERE393239 FAZ393238:FBA393239 FKV393238:FKW393239 FUR393238:FUS393239 GEN393238:GEO393239 GOJ393238:GOK393239 GYF393238:GYG393239 HIB393238:HIC393239 HRX393238:HRY393239 IBT393238:IBU393239 ILP393238:ILQ393239 IVL393238:IVM393239 JFH393238:JFI393239 JPD393238:JPE393239 JYZ393238:JZA393239 KIV393238:KIW393239 KSR393238:KSS393239 LCN393238:LCO393239 LMJ393238:LMK393239 LWF393238:LWG393239 MGB393238:MGC393239 MPX393238:MPY393239 MZT393238:MZU393239 NJP393238:NJQ393239 NTL393238:NTM393239 ODH393238:ODI393239 OND393238:ONE393239 OWZ393238:OXA393239 PGV393238:PGW393239 PQR393238:PQS393239 QAN393238:QAO393239 QKJ393238:QKK393239 QUF393238:QUG393239 REB393238:REC393239 RNX393238:RNY393239 RXT393238:RXU393239 SHP393238:SHQ393239 SRL393238:SRM393239 TBH393238:TBI393239 TLD393238:TLE393239 TUZ393238:TVA393239 UEV393238:UEW393239 UOR393238:UOS393239 UYN393238:UYO393239 VIJ393238:VIK393239 VSF393238:VSG393239 WCB393238:WCC393239 WLX393238:WLY393239 WVT393238:WVU393239 L458774:M458775 JH458774:JI458775 TD458774:TE458775 ACZ458774:ADA458775 AMV458774:AMW458775 AWR458774:AWS458775 BGN458774:BGO458775 BQJ458774:BQK458775 CAF458774:CAG458775 CKB458774:CKC458775 CTX458774:CTY458775 DDT458774:DDU458775 DNP458774:DNQ458775 DXL458774:DXM458775 EHH458774:EHI458775 ERD458774:ERE458775 FAZ458774:FBA458775 FKV458774:FKW458775 FUR458774:FUS458775 GEN458774:GEO458775 GOJ458774:GOK458775 GYF458774:GYG458775 HIB458774:HIC458775 HRX458774:HRY458775 IBT458774:IBU458775 ILP458774:ILQ458775 IVL458774:IVM458775 JFH458774:JFI458775 JPD458774:JPE458775 JYZ458774:JZA458775 KIV458774:KIW458775 KSR458774:KSS458775 LCN458774:LCO458775 LMJ458774:LMK458775 LWF458774:LWG458775 MGB458774:MGC458775 MPX458774:MPY458775 MZT458774:MZU458775 NJP458774:NJQ458775 NTL458774:NTM458775 ODH458774:ODI458775 OND458774:ONE458775 OWZ458774:OXA458775 PGV458774:PGW458775 PQR458774:PQS458775 QAN458774:QAO458775 QKJ458774:QKK458775 QUF458774:QUG458775 REB458774:REC458775 RNX458774:RNY458775 RXT458774:RXU458775 SHP458774:SHQ458775 SRL458774:SRM458775 TBH458774:TBI458775 TLD458774:TLE458775 TUZ458774:TVA458775 UEV458774:UEW458775 UOR458774:UOS458775 UYN458774:UYO458775 VIJ458774:VIK458775 VSF458774:VSG458775 WCB458774:WCC458775 WLX458774:WLY458775 WVT458774:WVU458775 L524310:M524311 JH524310:JI524311 TD524310:TE524311 ACZ524310:ADA524311 AMV524310:AMW524311 AWR524310:AWS524311 BGN524310:BGO524311 BQJ524310:BQK524311 CAF524310:CAG524311 CKB524310:CKC524311 CTX524310:CTY524311 DDT524310:DDU524311 DNP524310:DNQ524311 DXL524310:DXM524311 EHH524310:EHI524311 ERD524310:ERE524311 FAZ524310:FBA524311 FKV524310:FKW524311 FUR524310:FUS524311 GEN524310:GEO524311 GOJ524310:GOK524311 GYF524310:GYG524311 HIB524310:HIC524311 HRX524310:HRY524311 IBT524310:IBU524311 ILP524310:ILQ524311 IVL524310:IVM524311 JFH524310:JFI524311 JPD524310:JPE524311 JYZ524310:JZA524311 KIV524310:KIW524311 KSR524310:KSS524311 LCN524310:LCO524311 LMJ524310:LMK524311 LWF524310:LWG524311 MGB524310:MGC524311 MPX524310:MPY524311 MZT524310:MZU524311 NJP524310:NJQ524311 NTL524310:NTM524311 ODH524310:ODI524311 OND524310:ONE524311 OWZ524310:OXA524311 PGV524310:PGW524311 PQR524310:PQS524311 QAN524310:QAO524311 QKJ524310:QKK524311 QUF524310:QUG524311 REB524310:REC524311 RNX524310:RNY524311 RXT524310:RXU524311 SHP524310:SHQ524311 SRL524310:SRM524311 TBH524310:TBI524311 TLD524310:TLE524311 TUZ524310:TVA524311 UEV524310:UEW524311 UOR524310:UOS524311 UYN524310:UYO524311 VIJ524310:VIK524311 VSF524310:VSG524311 WCB524310:WCC524311 WLX524310:WLY524311 WVT524310:WVU524311 L589846:M589847 JH589846:JI589847 TD589846:TE589847 ACZ589846:ADA589847 AMV589846:AMW589847 AWR589846:AWS589847 BGN589846:BGO589847 BQJ589846:BQK589847 CAF589846:CAG589847 CKB589846:CKC589847 CTX589846:CTY589847 DDT589846:DDU589847 DNP589846:DNQ589847 DXL589846:DXM589847 EHH589846:EHI589847 ERD589846:ERE589847 FAZ589846:FBA589847 FKV589846:FKW589847 FUR589846:FUS589847 GEN589846:GEO589847 GOJ589846:GOK589847 GYF589846:GYG589847 HIB589846:HIC589847 HRX589846:HRY589847 IBT589846:IBU589847 ILP589846:ILQ589847 IVL589846:IVM589847 JFH589846:JFI589847 JPD589846:JPE589847 JYZ589846:JZA589847 KIV589846:KIW589847 KSR589846:KSS589847 LCN589846:LCO589847 LMJ589846:LMK589847 LWF589846:LWG589847 MGB589846:MGC589847 MPX589846:MPY589847 MZT589846:MZU589847 NJP589846:NJQ589847 NTL589846:NTM589847 ODH589846:ODI589847 OND589846:ONE589847 OWZ589846:OXA589847 PGV589846:PGW589847 PQR589846:PQS589847 QAN589846:QAO589847 QKJ589846:QKK589847 QUF589846:QUG589847 REB589846:REC589847 RNX589846:RNY589847 RXT589846:RXU589847 SHP589846:SHQ589847 SRL589846:SRM589847 TBH589846:TBI589847 TLD589846:TLE589847 TUZ589846:TVA589847 UEV589846:UEW589847 UOR589846:UOS589847 UYN589846:UYO589847 VIJ589846:VIK589847 VSF589846:VSG589847 WCB589846:WCC589847 WLX589846:WLY589847 WVT589846:WVU589847 L655382:M655383 JH655382:JI655383 TD655382:TE655383 ACZ655382:ADA655383 AMV655382:AMW655383 AWR655382:AWS655383 BGN655382:BGO655383 BQJ655382:BQK655383 CAF655382:CAG655383 CKB655382:CKC655383 CTX655382:CTY655383 DDT655382:DDU655383 DNP655382:DNQ655383 DXL655382:DXM655383 EHH655382:EHI655383 ERD655382:ERE655383 FAZ655382:FBA655383 FKV655382:FKW655383 FUR655382:FUS655383 GEN655382:GEO655383 GOJ655382:GOK655383 GYF655382:GYG655383 HIB655382:HIC655383 HRX655382:HRY655383 IBT655382:IBU655383 ILP655382:ILQ655383 IVL655382:IVM655383 JFH655382:JFI655383 JPD655382:JPE655383 JYZ655382:JZA655383 KIV655382:KIW655383 KSR655382:KSS655383 LCN655382:LCO655383 LMJ655382:LMK655383 LWF655382:LWG655383 MGB655382:MGC655383 MPX655382:MPY655383 MZT655382:MZU655383 NJP655382:NJQ655383 NTL655382:NTM655383 ODH655382:ODI655383 OND655382:ONE655383 OWZ655382:OXA655383 PGV655382:PGW655383 PQR655382:PQS655383 QAN655382:QAO655383 QKJ655382:QKK655383 QUF655382:QUG655383 REB655382:REC655383 RNX655382:RNY655383 RXT655382:RXU655383 SHP655382:SHQ655383 SRL655382:SRM655383 TBH655382:TBI655383 TLD655382:TLE655383 TUZ655382:TVA655383 UEV655382:UEW655383 UOR655382:UOS655383 UYN655382:UYO655383 VIJ655382:VIK655383 VSF655382:VSG655383 WCB655382:WCC655383 WLX655382:WLY655383 WVT655382:WVU655383 L720918:M720919 JH720918:JI720919 TD720918:TE720919 ACZ720918:ADA720919 AMV720918:AMW720919 AWR720918:AWS720919 BGN720918:BGO720919 BQJ720918:BQK720919 CAF720918:CAG720919 CKB720918:CKC720919 CTX720918:CTY720919 DDT720918:DDU720919 DNP720918:DNQ720919 DXL720918:DXM720919 EHH720918:EHI720919 ERD720918:ERE720919 FAZ720918:FBA720919 FKV720918:FKW720919 FUR720918:FUS720919 GEN720918:GEO720919 GOJ720918:GOK720919 GYF720918:GYG720919 HIB720918:HIC720919 HRX720918:HRY720919 IBT720918:IBU720919 ILP720918:ILQ720919 IVL720918:IVM720919 JFH720918:JFI720919 JPD720918:JPE720919 JYZ720918:JZA720919 KIV720918:KIW720919 KSR720918:KSS720919 LCN720918:LCO720919 LMJ720918:LMK720919 LWF720918:LWG720919 MGB720918:MGC720919 MPX720918:MPY720919 MZT720918:MZU720919 NJP720918:NJQ720919 NTL720918:NTM720919 ODH720918:ODI720919 OND720918:ONE720919 OWZ720918:OXA720919 PGV720918:PGW720919 PQR720918:PQS720919 QAN720918:QAO720919 QKJ720918:QKK720919 QUF720918:QUG720919 REB720918:REC720919 RNX720918:RNY720919 RXT720918:RXU720919 SHP720918:SHQ720919 SRL720918:SRM720919 TBH720918:TBI720919 TLD720918:TLE720919 TUZ720918:TVA720919 UEV720918:UEW720919 UOR720918:UOS720919 UYN720918:UYO720919 VIJ720918:VIK720919 VSF720918:VSG720919 WCB720918:WCC720919 WLX720918:WLY720919 WVT720918:WVU720919 L786454:M786455 JH786454:JI786455 TD786454:TE786455 ACZ786454:ADA786455 AMV786454:AMW786455 AWR786454:AWS786455 BGN786454:BGO786455 BQJ786454:BQK786455 CAF786454:CAG786455 CKB786454:CKC786455 CTX786454:CTY786455 DDT786454:DDU786455 DNP786454:DNQ786455 DXL786454:DXM786455 EHH786454:EHI786455 ERD786454:ERE786455 FAZ786454:FBA786455 FKV786454:FKW786455 FUR786454:FUS786455 GEN786454:GEO786455 GOJ786454:GOK786455 GYF786454:GYG786455 HIB786454:HIC786455 HRX786454:HRY786455 IBT786454:IBU786455 ILP786454:ILQ786455 IVL786454:IVM786455 JFH786454:JFI786455 JPD786454:JPE786455 JYZ786454:JZA786455 KIV786454:KIW786455 KSR786454:KSS786455 LCN786454:LCO786455 LMJ786454:LMK786455 LWF786454:LWG786455 MGB786454:MGC786455 MPX786454:MPY786455 MZT786454:MZU786455 NJP786454:NJQ786455 NTL786454:NTM786455 ODH786454:ODI786455 OND786454:ONE786455 OWZ786454:OXA786455 PGV786454:PGW786455 PQR786454:PQS786455 QAN786454:QAO786455 QKJ786454:QKK786455 QUF786454:QUG786455 REB786454:REC786455 RNX786454:RNY786455 RXT786454:RXU786455 SHP786454:SHQ786455 SRL786454:SRM786455 TBH786454:TBI786455 TLD786454:TLE786455 TUZ786454:TVA786455 UEV786454:UEW786455 UOR786454:UOS786455 UYN786454:UYO786455 VIJ786454:VIK786455 VSF786454:VSG786455 WCB786454:WCC786455 WLX786454:WLY786455 WVT786454:WVU786455 L851990:M851991 JH851990:JI851991 TD851990:TE851991 ACZ851990:ADA851991 AMV851990:AMW851991 AWR851990:AWS851991 BGN851990:BGO851991 BQJ851990:BQK851991 CAF851990:CAG851991 CKB851990:CKC851991 CTX851990:CTY851991 DDT851990:DDU851991 DNP851990:DNQ851991 DXL851990:DXM851991 EHH851990:EHI851991 ERD851990:ERE851991 FAZ851990:FBA851991 FKV851990:FKW851991 FUR851990:FUS851991 GEN851990:GEO851991 GOJ851990:GOK851991 GYF851990:GYG851991 HIB851990:HIC851991 HRX851990:HRY851991 IBT851990:IBU851991 ILP851990:ILQ851991 IVL851990:IVM851991 JFH851990:JFI851991 JPD851990:JPE851991 JYZ851990:JZA851991 KIV851990:KIW851991 KSR851990:KSS851991 LCN851990:LCO851991 LMJ851990:LMK851991 LWF851990:LWG851991 MGB851990:MGC851991 MPX851990:MPY851991 MZT851990:MZU851991 NJP851990:NJQ851991 NTL851990:NTM851991 ODH851990:ODI851991 OND851990:ONE851991 OWZ851990:OXA851991 PGV851990:PGW851991 PQR851990:PQS851991 QAN851990:QAO851991 QKJ851990:QKK851991 QUF851990:QUG851991 REB851990:REC851991 RNX851990:RNY851991 RXT851990:RXU851991 SHP851990:SHQ851991 SRL851990:SRM851991 TBH851990:TBI851991 TLD851990:TLE851991 TUZ851990:TVA851991 UEV851990:UEW851991 UOR851990:UOS851991 UYN851990:UYO851991 VIJ851990:VIK851991 VSF851990:VSG851991 WCB851990:WCC851991 WLX851990:WLY851991 WVT851990:WVU851991 L917526:M917527 JH917526:JI917527 TD917526:TE917527 ACZ917526:ADA917527 AMV917526:AMW917527 AWR917526:AWS917527 BGN917526:BGO917527 BQJ917526:BQK917527 CAF917526:CAG917527 CKB917526:CKC917527 CTX917526:CTY917527 DDT917526:DDU917527 DNP917526:DNQ917527 DXL917526:DXM917527 EHH917526:EHI917527 ERD917526:ERE917527 FAZ917526:FBA917527 FKV917526:FKW917527 FUR917526:FUS917527 GEN917526:GEO917527 GOJ917526:GOK917527 GYF917526:GYG917527 HIB917526:HIC917527 HRX917526:HRY917527 IBT917526:IBU917527 ILP917526:ILQ917527 IVL917526:IVM917527 JFH917526:JFI917527 JPD917526:JPE917527 JYZ917526:JZA917527 KIV917526:KIW917527 KSR917526:KSS917527 LCN917526:LCO917527 LMJ917526:LMK917527 LWF917526:LWG917527 MGB917526:MGC917527 MPX917526:MPY917527 MZT917526:MZU917527 NJP917526:NJQ917527 NTL917526:NTM917527 ODH917526:ODI917527 OND917526:ONE917527 OWZ917526:OXA917527 PGV917526:PGW917527 PQR917526:PQS917527 QAN917526:QAO917527 QKJ917526:QKK917527 QUF917526:QUG917527 REB917526:REC917527 RNX917526:RNY917527 RXT917526:RXU917527 SHP917526:SHQ917527 SRL917526:SRM917527 TBH917526:TBI917527 TLD917526:TLE917527 TUZ917526:TVA917527 UEV917526:UEW917527 UOR917526:UOS917527 UYN917526:UYO917527 VIJ917526:VIK917527 VSF917526:VSG917527 WCB917526:WCC917527 WLX917526:WLY917527 WVT917526:WVU917527 L983062:M983063 JH983062:JI983063 TD983062:TE983063 ACZ983062:ADA983063 AMV983062:AMW983063 AWR983062:AWS983063 BGN983062:BGO983063 BQJ983062:BQK983063 CAF983062:CAG983063 CKB983062:CKC983063 CTX983062:CTY983063 DDT983062:DDU983063 DNP983062:DNQ983063 DXL983062:DXM983063 EHH983062:EHI983063 ERD983062:ERE983063 FAZ983062:FBA983063 FKV983062:FKW983063 FUR983062:FUS983063 GEN983062:GEO983063 GOJ983062:GOK983063 GYF983062:GYG983063 HIB983062:HIC983063 HRX983062:HRY983063 IBT983062:IBU983063 ILP983062:ILQ983063 IVL983062:IVM983063 JFH983062:JFI983063 JPD983062:JPE983063 JYZ983062:JZA983063 KIV983062:KIW983063 KSR983062:KSS983063 LCN983062:LCO983063 LMJ983062:LMK983063 LWF983062:LWG983063 MGB983062:MGC983063 MPX983062:MPY983063 MZT983062:MZU983063 NJP983062:NJQ983063 NTL983062:NTM983063 ODH983062:ODI983063 OND983062:ONE983063 OWZ983062:OXA983063 PGV983062:PGW983063 PQR983062:PQS983063 QAN983062:QAO983063 QKJ983062:QKK983063 QUF983062:QUG983063 REB983062:REC983063 RNX983062:RNY983063 RXT983062:RXU983063 SHP983062:SHQ983063 SRL983062:SRM983063 TBH983062:TBI983063 TLD983062:TLE983063 TUZ983062:TVA983063 UEV983062:UEW983063 UOR983062:UOS983063 UYN983062:UYO983063 VIJ983062:VIK983063 VSF983062:VSG983063 WCB983062:WCC983063 WLX983062:WLY983063 WVT983062:WVU983063 P22:Q23 JL22:JM23 TH22:TI23 ADD22:ADE23 AMZ22:ANA23 AWV22:AWW23 BGR22:BGS23 BQN22:BQO23 CAJ22:CAK23 CKF22:CKG23 CUB22:CUC23 DDX22:DDY23 DNT22:DNU23 DXP22:DXQ23 EHL22:EHM23 ERH22:ERI23 FBD22:FBE23 FKZ22:FLA23 FUV22:FUW23 GER22:GES23 GON22:GOO23 GYJ22:GYK23 HIF22:HIG23 HSB22:HSC23 IBX22:IBY23 ILT22:ILU23 IVP22:IVQ23 JFL22:JFM23 JPH22:JPI23 JZD22:JZE23 KIZ22:KJA23 KSV22:KSW23 LCR22:LCS23 LMN22:LMO23 LWJ22:LWK23 MGF22:MGG23 MQB22:MQC23 MZX22:MZY23 NJT22:NJU23 NTP22:NTQ23 ODL22:ODM23 ONH22:ONI23 OXD22:OXE23 PGZ22:PHA23 PQV22:PQW23 QAR22:QAS23 QKN22:QKO23 QUJ22:QUK23 REF22:REG23 ROB22:ROC23 RXX22:RXY23 SHT22:SHU23 SRP22:SRQ23 TBL22:TBM23 TLH22:TLI23 TVD22:TVE23 UEZ22:UFA23 UOV22:UOW23 UYR22:UYS23 VIN22:VIO23 VSJ22:VSK23 WCF22:WCG23 WMB22:WMC23 WVX22:WVY23 P65558:Q65559 JL65558:JM65559 TH65558:TI65559 ADD65558:ADE65559 AMZ65558:ANA65559 AWV65558:AWW65559 BGR65558:BGS65559 BQN65558:BQO65559 CAJ65558:CAK65559 CKF65558:CKG65559 CUB65558:CUC65559 DDX65558:DDY65559 DNT65558:DNU65559 DXP65558:DXQ65559 EHL65558:EHM65559 ERH65558:ERI65559 FBD65558:FBE65559 FKZ65558:FLA65559 FUV65558:FUW65559 GER65558:GES65559 GON65558:GOO65559 GYJ65558:GYK65559 HIF65558:HIG65559 HSB65558:HSC65559 IBX65558:IBY65559 ILT65558:ILU65559 IVP65558:IVQ65559 JFL65558:JFM65559 JPH65558:JPI65559 JZD65558:JZE65559 KIZ65558:KJA65559 KSV65558:KSW65559 LCR65558:LCS65559 LMN65558:LMO65559 LWJ65558:LWK65559 MGF65558:MGG65559 MQB65558:MQC65559 MZX65558:MZY65559 NJT65558:NJU65559 NTP65558:NTQ65559 ODL65558:ODM65559 ONH65558:ONI65559 OXD65558:OXE65559 PGZ65558:PHA65559 PQV65558:PQW65559 QAR65558:QAS65559 QKN65558:QKO65559 QUJ65558:QUK65559 REF65558:REG65559 ROB65558:ROC65559 RXX65558:RXY65559 SHT65558:SHU65559 SRP65558:SRQ65559 TBL65558:TBM65559 TLH65558:TLI65559 TVD65558:TVE65559 UEZ65558:UFA65559 UOV65558:UOW65559 UYR65558:UYS65559 VIN65558:VIO65559 VSJ65558:VSK65559 WCF65558:WCG65559 WMB65558:WMC65559 WVX65558:WVY65559 P131094:Q131095 JL131094:JM131095 TH131094:TI131095 ADD131094:ADE131095 AMZ131094:ANA131095 AWV131094:AWW131095 BGR131094:BGS131095 BQN131094:BQO131095 CAJ131094:CAK131095 CKF131094:CKG131095 CUB131094:CUC131095 DDX131094:DDY131095 DNT131094:DNU131095 DXP131094:DXQ131095 EHL131094:EHM131095 ERH131094:ERI131095 FBD131094:FBE131095 FKZ131094:FLA131095 FUV131094:FUW131095 GER131094:GES131095 GON131094:GOO131095 GYJ131094:GYK131095 HIF131094:HIG131095 HSB131094:HSC131095 IBX131094:IBY131095 ILT131094:ILU131095 IVP131094:IVQ131095 JFL131094:JFM131095 JPH131094:JPI131095 JZD131094:JZE131095 KIZ131094:KJA131095 KSV131094:KSW131095 LCR131094:LCS131095 LMN131094:LMO131095 LWJ131094:LWK131095 MGF131094:MGG131095 MQB131094:MQC131095 MZX131094:MZY131095 NJT131094:NJU131095 NTP131094:NTQ131095 ODL131094:ODM131095 ONH131094:ONI131095 OXD131094:OXE131095 PGZ131094:PHA131095 PQV131094:PQW131095 QAR131094:QAS131095 QKN131094:QKO131095 QUJ131094:QUK131095 REF131094:REG131095 ROB131094:ROC131095 RXX131094:RXY131095 SHT131094:SHU131095 SRP131094:SRQ131095 TBL131094:TBM131095 TLH131094:TLI131095 TVD131094:TVE131095 UEZ131094:UFA131095 UOV131094:UOW131095 UYR131094:UYS131095 VIN131094:VIO131095 VSJ131094:VSK131095 WCF131094:WCG131095 WMB131094:WMC131095 WVX131094:WVY131095 P196630:Q196631 JL196630:JM196631 TH196630:TI196631 ADD196630:ADE196631 AMZ196630:ANA196631 AWV196630:AWW196631 BGR196630:BGS196631 BQN196630:BQO196631 CAJ196630:CAK196631 CKF196630:CKG196631 CUB196630:CUC196631 DDX196630:DDY196631 DNT196630:DNU196631 DXP196630:DXQ196631 EHL196630:EHM196631 ERH196630:ERI196631 FBD196630:FBE196631 FKZ196630:FLA196631 FUV196630:FUW196631 GER196630:GES196631 GON196630:GOO196631 GYJ196630:GYK196631 HIF196630:HIG196631 HSB196630:HSC196631 IBX196630:IBY196631 ILT196630:ILU196631 IVP196630:IVQ196631 JFL196630:JFM196631 JPH196630:JPI196631 JZD196630:JZE196631 KIZ196630:KJA196631 KSV196630:KSW196631 LCR196630:LCS196631 LMN196630:LMO196631 LWJ196630:LWK196631 MGF196630:MGG196631 MQB196630:MQC196631 MZX196630:MZY196631 NJT196630:NJU196631 NTP196630:NTQ196631 ODL196630:ODM196631 ONH196630:ONI196631 OXD196630:OXE196631 PGZ196630:PHA196631 PQV196630:PQW196631 QAR196630:QAS196631 QKN196630:QKO196631 QUJ196630:QUK196631 REF196630:REG196631 ROB196630:ROC196631 RXX196630:RXY196631 SHT196630:SHU196631 SRP196630:SRQ196631 TBL196630:TBM196631 TLH196630:TLI196631 TVD196630:TVE196631 UEZ196630:UFA196631 UOV196630:UOW196631 UYR196630:UYS196631 VIN196630:VIO196631 VSJ196630:VSK196631 WCF196630:WCG196631 WMB196630:WMC196631 WVX196630:WVY196631 P262166:Q262167 JL262166:JM262167 TH262166:TI262167 ADD262166:ADE262167 AMZ262166:ANA262167 AWV262166:AWW262167 BGR262166:BGS262167 BQN262166:BQO262167 CAJ262166:CAK262167 CKF262166:CKG262167 CUB262166:CUC262167 DDX262166:DDY262167 DNT262166:DNU262167 DXP262166:DXQ262167 EHL262166:EHM262167 ERH262166:ERI262167 FBD262166:FBE262167 FKZ262166:FLA262167 FUV262166:FUW262167 GER262166:GES262167 GON262166:GOO262167 GYJ262166:GYK262167 HIF262166:HIG262167 HSB262166:HSC262167 IBX262166:IBY262167 ILT262166:ILU262167 IVP262166:IVQ262167 JFL262166:JFM262167 JPH262166:JPI262167 JZD262166:JZE262167 KIZ262166:KJA262167 KSV262166:KSW262167 LCR262166:LCS262167 LMN262166:LMO262167 LWJ262166:LWK262167 MGF262166:MGG262167 MQB262166:MQC262167 MZX262166:MZY262167 NJT262166:NJU262167 NTP262166:NTQ262167 ODL262166:ODM262167 ONH262166:ONI262167 OXD262166:OXE262167 PGZ262166:PHA262167 PQV262166:PQW262167 QAR262166:QAS262167 QKN262166:QKO262167 QUJ262166:QUK262167 REF262166:REG262167 ROB262166:ROC262167 RXX262166:RXY262167 SHT262166:SHU262167 SRP262166:SRQ262167 TBL262166:TBM262167 TLH262166:TLI262167 TVD262166:TVE262167 UEZ262166:UFA262167 UOV262166:UOW262167 UYR262166:UYS262167 VIN262166:VIO262167 VSJ262166:VSK262167 WCF262166:WCG262167 WMB262166:WMC262167 WVX262166:WVY262167 P327702:Q327703 JL327702:JM327703 TH327702:TI327703 ADD327702:ADE327703 AMZ327702:ANA327703 AWV327702:AWW327703 BGR327702:BGS327703 BQN327702:BQO327703 CAJ327702:CAK327703 CKF327702:CKG327703 CUB327702:CUC327703 DDX327702:DDY327703 DNT327702:DNU327703 DXP327702:DXQ327703 EHL327702:EHM327703 ERH327702:ERI327703 FBD327702:FBE327703 FKZ327702:FLA327703 FUV327702:FUW327703 GER327702:GES327703 GON327702:GOO327703 GYJ327702:GYK327703 HIF327702:HIG327703 HSB327702:HSC327703 IBX327702:IBY327703 ILT327702:ILU327703 IVP327702:IVQ327703 JFL327702:JFM327703 JPH327702:JPI327703 JZD327702:JZE327703 KIZ327702:KJA327703 KSV327702:KSW327703 LCR327702:LCS327703 LMN327702:LMO327703 LWJ327702:LWK327703 MGF327702:MGG327703 MQB327702:MQC327703 MZX327702:MZY327703 NJT327702:NJU327703 NTP327702:NTQ327703 ODL327702:ODM327703 ONH327702:ONI327703 OXD327702:OXE327703 PGZ327702:PHA327703 PQV327702:PQW327703 QAR327702:QAS327703 QKN327702:QKO327703 QUJ327702:QUK327703 REF327702:REG327703 ROB327702:ROC327703 RXX327702:RXY327703 SHT327702:SHU327703 SRP327702:SRQ327703 TBL327702:TBM327703 TLH327702:TLI327703 TVD327702:TVE327703 UEZ327702:UFA327703 UOV327702:UOW327703 UYR327702:UYS327703 VIN327702:VIO327703 VSJ327702:VSK327703 WCF327702:WCG327703 WMB327702:WMC327703 WVX327702:WVY327703 P393238:Q393239 JL393238:JM393239 TH393238:TI393239 ADD393238:ADE393239 AMZ393238:ANA393239 AWV393238:AWW393239 BGR393238:BGS393239 BQN393238:BQO393239 CAJ393238:CAK393239 CKF393238:CKG393239 CUB393238:CUC393239 DDX393238:DDY393239 DNT393238:DNU393239 DXP393238:DXQ393239 EHL393238:EHM393239 ERH393238:ERI393239 FBD393238:FBE393239 FKZ393238:FLA393239 FUV393238:FUW393239 GER393238:GES393239 GON393238:GOO393239 GYJ393238:GYK393239 HIF393238:HIG393239 HSB393238:HSC393239 IBX393238:IBY393239 ILT393238:ILU393239 IVP393238:IVQ393239 JFL393238:JFM393239 JPH393238:JPI393239 JZD393238:JZE393239 KIZ393238:KJA393239 KSV393238:KSW393239 LCR393238:LCS393239 LMN393238:LMO393239 LWJ393238:LWK393239 MGF393238:MGG393239 MQB393238:MQC393239 MZX393238:MZY393239 NJT393238:NJU393239 NTP393238:NTQ393239 ODL393238:ODM393239 ONH393238:ONI393239 OXD393238:OXE393239 PGZ393238:PHA393239 PQV393238:PQW393239 QAR393238:QAS393239 QKN393238:QKO393239 QUJ393238:QUK393239 REF393238:REG393239 ROB393238:ROC393239 RXX393238:RXY393239 SHT393238:SHU393239 SRP393238:SRQ393239 TBL393238:TBM393239 TLH393238:TLI393239 TVD393238:TVE393239 UEZ393238:UFA393239 UOV393238:UOW393239 UYR393238:UYS393239 VIN393238:VIO393239 VSJ393238:VSK393239 WCF393238:WCG393239 WMB393238:WMC393239 WVX393238:WVY393239 P458774:Q458775 JL458774:JM458775 TH458774:TI458775 ADD458774:ADE458775 AMZ458774:ANA458775 AWV458774:AWW458775 BGR458774:BGS458775 BQN458774:BQO458775 CAJ458774:CAK458775 CKF458774:CKG458775 CUB458774:CUC458775 DDX458774:DDY458775 DNT458774:DNU458775 DXP458774:DXQ458775 EHL458774:EHM458775 ERH458774:ERI458775 FBD458774:FBE458775 FKZ458774:FLA458775 FUV458774:FUW458775 GER458774:GES458775 GON458774:GOO458775 GYJ458774:GYK458775 HIF458774:HIG458775 HSB458774:HSC458775 IBX458774:IBY458775 ILT458774:ILU458775 IVP458774:IVQ458775 JFL458774:JFM458775 JPH458774:JPI458775 JZD458774:JZE458775 KIZ458774:KJA458775 KSV458774:KSW458775 LCR458774:LCS458775 LMN458774:LMO458775 LWJ458774:LWK458775 MGF458774:MGG458775 MQB458774:MQC458775 MZX458774:MZY458775 NJT458774:NJU458775 NTP458774:NTQ458775 ODL458774:ODM458775 ONH458774:ONI458775 OXD458774:OXE458775 PGZ458774:PHA458775 PQV458774:PQW458775 QAR458774:QAS458775 QKN458774:QKO458775 QUJ458774:QUK458775 REF458774:REG458775 ROB458774:ROC458775 RXX458774:RXY458775 SHT458774:SHU458775 SRP458774:SRQ458775 TBL458774:TBM458775 TLH458774:TLI458775 TVD458774:TVE458775 UEZ458774:UFA458775 UOV458774:UOW458775 UYR458774:UYS458775 VIN458774:VIO458775 VSJ458774:VSK458775 WCF458774:WCG458775 WMB458774:WMC458775 WVX458774:WVY458775 P524310:Q524311 JL524310:JM524311 TH524310:TI524311 ADD524310:ADE524311 AMZ524310:ANA524311 AWV524310:AWW524311 BGR524310:BGS524311 BQN524310:BQO524311 CAJ524310:CAK524311 CKF524310:CKG524311 CUB524310:CUC524311 DDX524310:DDY524311 DNT524310:DNU524311 DXP524310:DXQ524311 EHL524310:EHM524311 ERH524310:ERI524311 FBD524310:FBE524311 FKZ524310:FLA524311 FUV524310:FUW524311 GER524310:GES524311 GON524310:GOO524311 GYJ524310:GYK524311 HIF524310:HIG524311 HSB524310:HSC524311 IBX524310:IBY524311 ILT524310:ILU524311 IVP524310:IVQ524311 JFL524310:JFM524311 JPH524310:JPI524311 JZD524310:JZE524311 KIZ524310:KJA524311 KSV524310:KSW524311 LCR524310:LCS524311 LMN524310:LMO524311 LWJ524310:LWK524311 MGF524310:MGG524311 MQB524310:MQC524311 MZX524310:MZY524311 NJT524310:NJU524311 NTP524310:NTQ524311 ODL524310:ODM524311 ONH524310:ONI524311 OXD524310:OXE524311 PGZ524310:PHA524311 PQV524310:PQW524311 QAR524310:QAS524311 QKN524310:QKO524311 QUJ524310:QUK524311 REF524310:REG524311 ROB524310:ROC524311 RXX524310:RXY524311 SHT524310:SHU524311 SRP524310:SRQ524311 TBL524310:TBM524311 TLH524310:TLI524311 TVD524310:TVE524311 UEZ524310:UFA524311 UOV524310:UOW524311 UYR524310:UYS524311 VIN524310:VIO524311 VSJ524310:VSK524311 WCF524310:WCG524311 WMB524310:WMC524311 WVX524310:WVY524311 P589846:Q589847 JL589846:JM589847 TH589846:TI589847 ADD589846:ADE589847 AMZ589846:ANA589847 AWV589846:AWW589847 BGR589846:BGS589847 BQN589846:BQO589847 CAJ589846:CAK589847 CKF589846:CKG589847 CUB589846:CUC589847 DDX589846:DDY589847 DNT589846:DNU589847 DXP589846:DXQ589847 EHL589846:EHM589847 ERH589846:ERI589847 FBD589846:FBE589847 FKZ589846:FLA589847 FUV589846:FUW589847 GER589846:GES589847 GON589846:GOO589847 GYJ589846:GYK589847 HIF589846:HIG589847 HSB589846:HSC589847 IBX589846:IBY589847 ILT589846:ILU589847 IVP589846:IVQ589847 JFL589846:JFM589847 JPH589846:JPI589847 JZD589846:JZE589847 KIZ589846:KJA589847 KSV589846:KSW589847 LCR589846:LCS589847 LMN589846:LMO589847 LWJ589846:LWK589847 MGF589846:MGG589847 MQB589846:MQC589847 MZX589846:MZY589847 NJT589846:NJU589847 NTP589846:NTQ589847 ODL589846:ODM589847 ONH589846:ONI589847 OXD589846:OXE589847 PGZ589846:PHA589847 PQV589846:PQW589847 QAR589846:QAS589847 QKN589846:QKO589847 QUJ589846:QUK589847 REF589846:REG589847 ROB589846:ROC589847 RXX589846:RXY589847 SHT589846:SHU589847 SRP589846:SRQ589847 TBL589846:TBM589847 TLH589846:TLI589847 TVD589846:TVE589847 UEZ589846:UFA589847 UOV589846:UOW589847 UYR589846:UYS589847 VIN589846:VIO589847 VSJ589846:VSK589847 WCF589846:WCG589847 WMB589846:WMC589847 WVX589846:WVY589847 P655382:Q655383 JL655382:JM655383 TH655382:TI655383 ADD655382:ADE655383 AMZ655382:ANA655383 AWV655382:AWW655383 BGR655382:BGS655383 BQN655382:BQO655383 CAJ655382:CAK655383 CKF655382:CKG655383 CUB655382:CUC655383 DDX655382:DDY655383 DNT655382:DNU655383 DXP655382:DXQ655383 EHL655382:EHM655383 ERH655382:ERI655383 FBD655382:FBE655383 FKZ655382:FLA655383 FUV655382:FUW655383 GER655382:GES655383 GON655382:GOO655383 GYJ655382:GYK655383 HIF655382:HIG655383 HSB655382:HSC655383 IBX655382:IBY655383 ILT655382:ILU655383 IVP655382:IVQ655383 JFL655382:JFM655383 JPH655382:JPI655383 JZD655382:JZE655383 KIZ655382:KJA655383 KSV655382:KSW655383 LCR655382:LCS655383 LMN655382:LMO655383 LWJ655382:LWK655383 MGF655382:MGG655383 MQB655382:MQC655383 MZX655382:MZY655383 NJT655382:NJU655383 NTP655382:NTQ655383 ODL655382:ODM655383 ONH655382:ONI655383 OXD655382:OXE655383 PGZ655382:PHA655383 PQV655382:PQW655383 QAR655382:QAS655383 QKN655382:QKO655383 QUJ655382:QUK655383 REF655382:REG655383 ROB655382:ROC655383 RXX655382:RXY655383 SHT655382:SHU655383 SRP655382:SRQ655383 TBL655382:TBM655383 TLH655382:TLI655383 TVD655382:TVE655383 UEZ655382:UFA655383 UOV655382:UOW655383 UYR655382:UYS655383 VIN655382:VIO655383 VSJ655382:VSK655383 WCF655382:WCG655383 WMB655382:WMC655383 WVX655382:WVY655383 P720918:Q720919 JL720918:JM720919 TH720918:TI720919 ADD720918:ADE720919 AMZ720918:ANA720919 AWV720918:AWW720919 BGR720918:BGS720919 BQN720918:BQO720919 CAJ720918:CAK720919 CKF720918:CKG720919 CUB720918:CUC720919 DDX720918:DDY720919 DNT720918:DNU720919 DXP720918:DXQ720919 EHL720918:EHM720919 ERH720918:ERI720919 FBD720918:FBE720919 FKZ720918:FLA720919 FUV720918:FUW720919 GER720918:GES720919 GON720918:GOO720919 GYJ720918:GYK720919 HIF720918:HIG720919 HSB720918:HSC720919 IBX720918:IBY720919 ILT720918:ILU720919 IVP720918:IVQ720919 JFL720918:JFM720919 JPH720918:JPI720919 JZD720918:JZE720919 KIZ720918:KJA720919 KSV720918:KSW720919 LCR720918:LCS720919 LMN720918:LMO720919 LWJ720918:LWK720919 MGF720918:MGG720919 MQB720918:MQC720919 MZX720918:MZY720919 NJT720918:NJU720919 NTP720918:NTQ720919 ODL720918:ODM720919 ONH720918:ONI720919 OXD720918:OXE720919 PGZ720918:PHA720919 PQV720918:PQW720919 QAR720918:QAS720919 QKN720918:QKO720919 QUJ720918:QUK720919 REF720918:REG720919 ROB720918:ROC720919 RXX720918:RXY720919 SHT720918:SHU720919 SRP720918:SRQ720919 TBL720918:TBM720919 TLH720918:TLI720919 TVD720918:TVE720919 UEZ720918:UFA720919 UOV720918:UOW720919 UYR720918:UYS720919 VIN720918:VIO720919 VSJ720918:VSK720919 WCF720918:WCG720919 WMB720918:WMC720919 WVX720918:WVY720919 P786454:Q786455 JL786454:JM786455 TH786454:TI786455 ADD786454:ADE786455 AMZ786454:ANA786455 AWV786454:AWW786455 BGR786454:BGS786455 BQN786454:BQO786455 CAJ786454:CAK786455 CKF786454:CKG786455 CUB786454:CUC786455 DDX786454:DDY786455 DNT786454:DNU786455 DXP786454:DXQ786455 EHL786454:EHM786455 ERH786454:ERI786455 FBD786454:FBE786455 FKZ786454:FLA786455 FUV786454:FUW786455 GER786454:GES786455 GON786454:GOO786455 GYJ786454:GYK786455 HIF786454:HIG786455 HSB786454:HSC786455 IBX786454:IBY786455 ILT786454:ILU786455 IVP786454:IVQ786455 JFL786454:JFM786455 JPH786454:JPI786455 JZD786454:JZE786455 KIZ786454:KJA786455 KSV786454:KSW786455 LCR786454:LCS786455 LMN786454:LMO786455 LWJ786454:LWK786455 MGF786454:MGG786455 MQB786454:MQC786455 MZX786454:MZY786455 NJT786454:NJU786455 NTP786454:NTQ786455 ODL786454:ODM786455 ONH786454:ONI786455 OXD786454:OXE786455 PGZ786454:PHA786455 PQV786454:PQW786455 QAR786454:QAS786455 QKN786454:QKO786455 QUJ786454:QUK786455 REF786454:REG786455 ROB786454:ROC786455 RXX786454:RXY786455 SHT786454:SHU786455 SRP786454:SRQ786455 TBL786454:TBM786455 TLH786454:TLI786455 TVD786454:TVE786455 UEZ786454:UFA786455 UOV786454:UOW786455 UYR786454:UYS786455 VIN786454:VIO786455 VSJ786454:VSK786455 WCF786454:WCG786455 WMB786454:WMC786455 WVX786454:WVY786455 P851990:Q851991 JL851990:JM851991 TH851990:TI851991 ADD851990:ADE851991 AMZ851990:ANA851991 AWV851990:AWW851991 BGR851990:BGS851991 BQN851990:BQO851991 CAJ851990:CAK851991 CKF851990:CKG851991 CUB851990:CUC851991 DDX851990:DDY851991 DNT851990:DNU851991 DXP851990:DXQ851991 EHL851990:EHM851991 ERH851990:ERI851991 FBD851990:FBE851991 FKZ851990:FLA851991 FUV851990:FUW851991 GER851990:GES851991 GON851990:GOO851991 GYJ851990:GYK851991 HIF851990:HIG851991 HSB851990:HSC851991 IBX851990:IBY851991 ILT851990:ILU851991 IVP851990:IVQ851991 JFL851990:JFM851991 JPH851990:JPI851991 JZD851990:JZE851991 KIZ851990:KJA851991 KSV851990:KSW851991 LCR851990:LCS851991 LMN851990:LMO851991 LWJ851990:LWK851991 MGF851990:MGG851991 MQB851990:MQC851991 MZX851990:MZY851991 NJT851990:NJU851991 NTP851990:NTQ851991 ODL851990:ODM851991 ONH851990:ONI851991 OXD851990:OXE851991 PGZ851990:PHA851991 PQV851990:PQW851991 QAR851990:QAS851991 QKN851990:QKO851991 QUJ851990:QUK851991 REF851990:REG851991 ROB851990:ROC851991 RXX851990:RXY851991 SHT851990:SHU851991 SRP851990:SRQ851991 TBL851990:TBM851991 TLH851990:TLI851991 TVD851990:TVE851991 UEZ851990:UFA851991 UOV851990:UOW851991 UYR851990:UYS851991 VIN851990:VIO851991 VSJ851990:VSK851991 WCF851990:WCG851991 WMB851990:WMC851991 WVX851990:WVY851991 P917526:Q917527 JL917526:JM917527 TH917526:TI917527 ADD917526:ADE917527 AMZ917526:ANA917527 AWV917526:AWW917527 BGR917526:BGS917527 BQN917526:BQO917527 CAJ917526:CAK917527 CKF917526:CKG917527 CUB917526:CUC917527 DDX917526:DDY917527 DNT917526:DNU917527 DXP917526:DXQ917527 EHL917526:EHM917527 ERH917526:ERI917527 FBD917526:FBE917527 FKZ917526:FLA917527 FUV917526:FUW917527 GER917526:GES917527 GON917526:GOO917527 GYJ917526:GYK917527 HIF917526:HIG917527 HSB917526:HSC917527 IBX917526:IBY917527 ILT917526:ILU917527 IVP917526:IVQ917527 JFL917526:JFM917527 JPH917526:JPI917527 JZD917526:JZE917527 KIZ917526:KJA917527 KSV917526:KSW917527 LCR917526:LCS917527 LMN917526:LMO917527 LWJ917526:LWK917527 MGF917526:MGG917527 MQB917526:MQC917527 MZX917526:MZY917527 NJT917526:NJU917527 NTP917526:NTQ917527 ODL917526:ODM917527 ONH917526:ONI917527 OXD917526:OXE917527 PGZ917526:PHA917527 PQV917526:PQW917527 QAR917526:QAS917527 QKN917526:QKO917527 QUJ917526:QUK917527 REF917526:REG917527 ROB917526:ROC917527 RXX917526:RXY917527 SHT917526:SHU917527 SRP917526:SRQ917527 TBL917526:TBM917527 TLH917526:TLI917527 TVD917526:TVE917527 UEZ917526:UFA917527 UOV917526:UOW917527 UYR917526:UYS917527 VIN917526:VIO917527 VSJ917526:VSK917527 WCF917526:WCG917527 WMB917526:WMC917527 WVX917526:WVY917527 P983062:Q983063 JL983062:JM983063 TH983062:TI983063 ADD983062:ADE983063 AMZ983062:ANA983063 AWV983062:AWW983063 BGR983062:BGS983063 BQN983062:BQO983063 CAJ983062:CAK983063 CKF983062:CKG983063 CUB983062:CUC983063 DDX983062:DDY983063 DNT983062:DNU983063 DXP983062:DXQ983063 EHL983062:EHM983063 ERH983062:ERI983063 FBD983062:FBE983063 FKZ983062:FLA983063 FUV983062:FUW983063 GER983062:GES983063 GON983062:GOO983063 GYJ983062:GYK983063 HIF983062:HIG983063 HSB983062:HSC983063 IBX983062:IBY983063 ILT983062:ILU983063 IVP983062:IVQ983063 JFL983062:JFM983063 JPH983062:JPI983063 JZD983062:JZE983063 KIZ983062:KJA983063 KSV983062:KSW983063 LCR983062:LCS983063 LMN983062:LMO983063 LWJ983062:LWK983063 MGF983062:MGG983063 MQB983062:MQC983063 MZX983062:MZY983063 NJT983062:NJU983063 NTP983062:NTQ983063 ODL983062:ODM983063 ONH983062:ONI983063 OXD983062:OXE983063 PGZ983062:PHA983063 PQV983062:PQW983063 QAR983062:QAS983063 QKN983062:QKO983063 QUJ983062:QUK983063 REF983062:REG983063 ROB983062:ROC983063 RXX983062:RXY983063 SHT983062:SHU983063 SRP983062:SRQ983063 TBL983062:TBM983063 TLH983062:TLI983063 TVD983062:TVE983063 UEZ983062:UFA983063 UOV983062:UOW983063 UYR983062:UYS983063 VIN983062:VIO983063 VSJ983062:VSK983063 WCF983062:WCG983063 WMB983062:WMC983063 WVX983062:WVY983063 S22:S23 JO22:JO23 TK22:TK23 ADG22:ADG23 ANC22:ANC23 AWY22:AWY23 BGU22:BGU23 BQQ22:BQQ23 CAM22:CAM23 CKI22:CKI23 CUE22:CUE23 DEA22:DEA23 DNW22:DNW23 DXS22:DXS23 EHO22:EHO23 ERK22:ERK23 FBG22:FBG23 FLC22:FLC23 FUY22:FUY23 GEU22:GEU23 GOQ22:GOQ23 GYM22:GYM23 HII22:HII23 HSE22:HSE23 ICA22:ICA23 ILW22:ILW23 IVS22:IVS23 JFO22:JFO23 JPK22:JPK23 JZG22:JZG23 KJC22:KJC23 KSY22:KSY23 LCU22:LCU23 LMQ22:LMQ23 LWM22:LWM23 MGI22:MGI23 MQE22:MQE23 NAA22:NAA23 NJW22:NJW23 NTS22:NTS23 ODO22:ODO23 ONK22:ONK23 OXG22:OXG23 PHC22:PHC23 PQY22:PQY23 QAU22:QAU23 QKQ22:QKQ23 QUM22:QUM23 REI22:REI23 ROE22:ROE23 RYA22:RYA23 SHW22:SHW23 SRS22:SRS23 TBO22:TBO23 TLK22:TLK23 TVG22:TVG23 UFC22:UFC23 UOY22:UOY23 UYU22:UYU23 VIQ22:VIQ23 VSM22:VSM23 WCI22:WCI23 WME22:WME23 WWA22:WWA23 S65558:S65559 JO65558:JO65559 TK65558:TK65559 ADG65558:ADG65559 ANC65558:ANC65559 AWY65558:AWY65559 BGU65558:BGU65559 BQQ65558:BQQ65559 CAM65558:CAM65559 CKI65558:CKI65559 CUE65558:CUE65559 DEA65558:DEA65559 DNW65558:DNW65559 DXS65558:DXS65559 EHO65558:EHO65559 ERK65558:ERK65559 FBG65558:FBG65559 FLC65558:FLC65559 FUY65558:FUY65559 GEU65558:GEU65559 GOQ65558:GOQ65559 GYM65558:GYM65559 HII65558:HII65559 HSE65558:HSE65559 ICA65558:ICA65559 ILW65558:ILW65559 IVS65558:IVS65559 JFO65558:JFO65559 JPK65558:JPK65559 JZG65558:JZG65559 KJC65558:KJC65559 KSY65558:KSY65559 LCU65558:LCU65559 LMQ65558:LMQ65559 LWM65558:LWM65559 MGI65558:MGI65559 MQE65558:MQE65559 NAA65558:NAA65559 NJW65558:NJW65559 NTS65558:NTS65559 ODO65558:ODO65559 ONK65558:ONK65559 OXG65558:OXG65559 PHC65558:PHC65559 PQY65558:PQY65559 QAU65558:QAU65559 QKQ65558:QKQ65559 QUM65558:QUM65559 REI65558:REI65559 ROE65558:ROE65559 RYA65558:RYA65559 SHW65558:SHW65559 SRS65558:SRS65559 TBO65558:TBO65559 TLK65558:TLK65559 TVG65558:TVG65559 UFC65558:UFC65559 UOY65558:UOY65559 UYU65558:UYU65559 VIQ65558:VIQ65559 VSM65558:VSM65559 WCI65558:WCI65559 WME65558:WME65559 WWA65558:WWA65559 S131094:S131095 JO131094:JO131095 TK131094:TK131095 ADG131094:ADG131095 ANC131094:ANC131095 AWY131094:AWY131095 BGU131094:BGU131095 BQQ131094:BQQ131095 CAM131094:CAM131095 CKI131094:CKI131095 CUE131094:CUE131095 DEA131094:DEA131095 DNW131094:DNW131095 DXS131094:DXS131095 EHO131094:EHO131095 ERK131094:ERK131095 FBG131094:FBG131095 FLC131094:FLC131095 FUY131094:FUY131095 GEU131094:GEU131095 GOQ131094:GOQ131095 GYM131094:GYM131095 HII131094:HII131095 HSE131094:HSE131095 ICA131094:ICA131095 ILW131094:ILW131095 IVS131094:IVS131095 JFO131094:JFO131095 JPK131094:JPK131095 JZG131094:JZG131095 KJC131094:KJC131095 KSY131094:KSY131095 LCU131094:LCU131095 LMQ131094:LMQ131095 LWM131094:LWM131095 MGI131094:MGI131095 MQE131094:MQE131095 NAA131094:NAA131095 NJW131094:NJW131095 NTS131094:NTS131095 ODO131094:ODO131095 ONK131094:ONK131095 OXG131094:OXG131095 PHC131094:PHC131095 PQY131094:PQY131095 QAU131094:QAU131095 QKQ131094:QKQ131095 QUM131094:QUM131095 REI131094:REI131095 ROE131094:ROE131095 RYA131094:RYA131095 SHW131094:SHW131095 SRS131094:SRS131095 TBO131094:TBO131095 TLK131094:TLK131095 TVG131094:TVG131095 UFC131094:UFC131095 UOY131094:UOY131095 UYU131094:UYU131095 VIQ131094:VIQ131095 VSM131094:VSM131095 WCI131094:WCI131095 WME131094:WME131095 WWA131094:WWA131095 S196630:S196631 JO196630:JO196631 TK196630:TK196631 ADG196630:ADG196631 ANC196630:ANC196631 AWY196630:AWY196631 BGU196630:BGU196631 BQQ196630:BQQ196631 CAM196630:CAM196631 CKI196630:CKI196631 CUE196630:CUE196631 DEA196630:DEA196631 DNW196630:DNW196631 DXS196630:DXS196631 EHO196630:EHO196631 ERK196630:ERK196631 FBG196630:FBG196631 FLC196630:FLC196631 FUY196630:FUY196631 GEU196630:GEU196631 GOQ196630:GOQ196631 GYM196630:GYM196631 HII196630:HII196631 HSE196630:HSE196631 ICA196630:ICA196631 ILW196630:ILW196631 IVS196630:IVS196631 JFO196630:JFO196631 JPK196630:JPK196631 JZG196630:JZG196631 KJC196630:KJC196631 KSY196630:KSY196631 LCU196630:LCU196631 LMQ196630:LMQ196631 LWM196630:LWM196631 MGI196630:MGI196631 MQE196630:MQE196631 NAA196630:NAA196631 NJW196630:NJW196631 NTS196630:NTS196631 ODO196630:ODO196631 ONK196630:ONK196631 OXG196630:OXG196631 PHC196630:PHC196631 PQY196630:PQY196631 QAU196630:QAU196631 QKQ196630:QKQ196631 QUM196630:QUM196631 REI196630:REI196631 ROE196630:ROE196631 RYA196630:RYA196631 SHW196630:SHW196631 SRS196630:SRS196631 TBO196630:TBO196631 TLK196630:TLK196631 TVG196630:TVG196631 UFC196630:UFC196631 UOY196630:UOY196631 UYU196630:UYU196631 VIQ196630:VIQ196631 VSM196630:VSM196631 WCI196630:WCI196631 WME196630:WME196631 WWA196630:WWA196631 S262166:S262167 JO262166:JO262167 TK262166:TK262167 ADG262166:ADG262167 ANC262166:ANC262167 AWY262166:AWY262167 BGU262166:BGU262167 BQQ262166:BQQ262167 CAM262166:CAM262167 CKI262166:CKI262167 CUE262166:CUE262167 DEA262166:DEA262167 DNW262166:DNW262167 DXS262166:DXS262167 EHO262166:EHO262167 ERK262166:ERK262167 FBG262166:FBG262167 FLC262166:FLC262167 FUY262166:FUY262167 GEU262166:GEU262167 GOQ262166:GOQ262167 GYM262166:GYM262167 HII262166:HII262167 HSE262166:HSE262167 ICA262166:ICA262167 ILW262166:ILW262167 IVS262166:IVS262167 JFO262166:JFO262167 JPK262166:JPK262167 JZG262166:JZG262167 KJC262166:KJC262167 KSY262166:KSY262167 LCU262166:LCU262167 LMQ262166:LMQ262167 LWM262166:LWM262167 MGI262166:MGI262167 MQE262166:MQE262167 NAA262166:NAA262167 NJW262166:NJW262167 NTS262166:NTS262167 ODO262166:ODO262167 ONK262166:ONK262167 OXG262166:OXG262167 PHC262166:PHC262167 PQY262166:PQY262167 QAU262166:QAU262167 QKQ262166:QKQ262167 QUM262166:QUM262167 REI262166:REI262167 ROE262166:ROE262167 RYA262166:RYA262167 SHW262166:SHW262167 SRS262166:SRS262167 TBO262166:TBO262167 TLK262166:TLK262167 TVG262166:TVG262167 UFC262166:UFC262167 UOY262166:UOY262167 UYU262166:UYU262167 VIQ262166:VIQ262167 VSM262166:VSM262167 WCI262166:WCI262167 WME262166:WME262167 WWA262166:WWA262167 S327702:S327703 JO327702:JO327703 TK327702:TK327703 ADG327702:ADG327703 ANC327702:ANC327703 AWY327702:AWY327703 BGU327702:BGU327703 BQQ327702:BQQ327703 CAM327702:CAM327703 CKI327702:CKI327703 CUE327702:CUE327703 DEA327702:DEA327703 DNW327702:DNW327703 DXS327702:DXS327703 EHO327702:EHO327703 ERK327702:ERK327703 FBG327702:FBG327703 FLC327702:FLC327703 FUY327702:FUY327703 GEU327702:GEU327703 GOQ327702:GOQ327703 GYM327702:GYM327703 HII327702:HII327703 HSE327702:HSE327703 ICA327702:ICA327703 ILW327702:ILW327703 IVS327702:IVS327703 JFO327702:JFO327703 JPK327702:JPK327703 JZG327702:JZG327703 KJC327702:KJC327703 KSY327702:KSY327703 LCU327702:LCU327703 LMQ327702:LMQ327703 LWM327702:LWM327703 MGI327702:MGI327703 MQE327702:MQE327703 NAA327702:NAA327703 NJW327702:NJW327703 NTS327702:NTS327703 ODO327702:ODO327703 ONK327702:ONK327703 OXG327702:OXG327703 PHC327702:PHC327703 PQY327702:PQY327703 QAU327702:QAU327703 QKQ327702:QKQ327703 QUM327702:QUM327703 REI327702:REI327703 ROE327702:ROE327703 RYA327702:RYA327703 SHW327702:SHW327703 SRS327702:SRS327703 TBO327702:TBO327703 TLK327702:TLK327703 TVG327702:TVG327703 UFC327702:UFC327703 UOY327702:UOY327703 UYU327702:UYU327703 VIQ327702:VIQ327703 VSM327702:VSM327703 WCI327702:WCI327703 WME327702:WME327703 WWA327702:WWA327703 S393238:S393239 JO393238:JO393239 TK393238:TK393239 ADG393238:ADG393239 ANC393238:ANC393239 AWY393238:AWY393239 BGU393238:BGU393239 BQQ393238:BQQ393239 CAM393238:CAM393239 CKI393238:CKI393239 CUE393238:CUE393239 DEA393238:DEA393239 DNW393238:DNW393239 DXS393238:DXS393239 EHO393238:EHO393239 ERK393238:ERK393239 FBG393238:FBG393239 FLC393238:FLC393239 FUY393238:FUY393239 GEU393238:GEU393239 GOQ393238:GOQ393239 GYM393238:GYM393239 HII393238:HII393239 HSE393238:HSE393239 ICA393238:ICA393239 ILW393238:ILW393239 IVS393238:IVS393239 JFO393238:JFO393239 JPK393238:JPK393239 JZG393238:JZG393239 KJC393238:KJC393239 KSY393238:KSY393239 LCU393238:LCU393239 LMQ393238:LMQ393239 LWM393238:LWM393239 MGI393238:MGI393239 MQE393238:MQE393239 NAA393238:NAA393239 NJW393238:NJW393239 NTS393238:NTS393239 ODO393238:ODO393239 ONK393238:ONK393239 OXG393238:OXG393239 PHC393238:PHC393239 PQY393238:PQY393239 QAU393238:QAU393239 QKQ393238:QKQ393239 QUM393238:QUM393239 REI393238:REI393239 ROE393238:ROE393239 RYA393238:RYA393239 SHW393238:SHW393239 SRS393238:SRS393239 TBO393238:TBO393239 TLK393238:TLK393239 TVG393238:TVG393239 UFC393238:UFC393239 UOY393238:UOY393239 UYU393238:UYU393239 VIQ393238:VIQ393239 VSM393238:VSM393239 WCI393238:WCI393239 WME393238:WME393239 WWA393238:WWA393239 S458774:S458775 JO458774:JO458775 TK458774:TK458775 ADG458774:ADG458775 ANC458774:ANC458775 AWY458774:AWY458775 BGU458774:BGU458775 BQQ458774:BQQ458775 CAM458774:CAM458775 CKI458774:CKI458775 CUE458774:CUE458775 DEA458774:DEA458775 DNW458774:DNW458775 DXS458774:DXS458775 EHO458774:EHO458775 ERK458774:ERK458775 FBG458774:FBG458775 FLC458774:FLC458775 FUY458774:FUY458775 GEU458774:GEU458775 GOQ458774:GOQ458775 GYM458774:GYM458775 HII458774:HII458775 HSE458774:HSE458775 ICA458774:ICA458775 ILW458774:ILW458775 IVS458774:IVS458775 JFO458774:JFO458775 JPK458774:JPK458775 JZG458774:JZG458775 KJC458774:KJC458775 KSY458774:KSY458775 LCU458774:LCU458775 LMQ458774:LMQ458775 LWM458774:LWM458775 MGI458774:MGI458775 MQE458774:MQE458775 NAA458774:NAA458775 NJW458774:NJW458775 NTS458774:NTS458775 ODO458774:ODO458775 ONK458774:ONK458775 OXG458774:OXG458775 PHC458774:PHC458775 PQY458774:PQY458775 QAU458774:QAU458775 QKQ458774:QKQ458775 QUM458774:QUM458775 REI458774:REI458775 ROE458774:ROE458775 RYA458774:RYA458775 SHW458774:SHW458775 SRS458774:SRS458775 TBO458774:TBO458775 TLK458774:TLK458775 TVG458774:TVG458775 UFC458774:UFC458775 UOY458774:UOY458775 UYU458774:UYU458775 VIQ458774:VIQ458775 VSM458774:VSM458775 WCI458774:WCI458775 WME458774:WME458775 WWA458774:WWA458775 S524310:S524311 JO524310:JO524311 TK524310:TK524311 ADG524310:ADG524311 ANC524310:ANC524311 AWY524310:AWY524311 BGU524310:BGU524311 BQQ524310:BQQ524311 CAM524310:CAM524311 CKI524310:CKI524311 CUE524310:CUE524311 DEA524310:DEA524311 DNW524310:DNW524311 DXS524310:DXS524311 EHO524310:EHO524311 ERK524310:ERK524311 FBG524310:FBG524311 FLC524310:FLC524311 FUY524310:FUY524311 GEU524310:GEU524311 GOQ524310:GOQ524311 GYM524310:GYM524311 HII524310:HII524311 HSE524310:HSE524311 ICA524310:ICA524311 ILW524310:ILW524311 IVS524310:IVS524311 JFO524310:JFO524311 JPK524310:JPK524311 JZG524310:JZG524311 KJC524310:KJC524311 KSY524310:KSY524311 LCU524310:LCU524311 LMQ524310:LMQ524311 LWM524310:LWM524311 MGI524310:MGI524311 MQE524310:MQE524311 NAA524310:NAA524311 NJW524310:NJW524311 NTS524310:NTS524311 ODO524310:ODO524311 ONK524310:ONK524311 OXG524310:OXG524311 PHC524310:PHC524311 PQY524310:PQY524311 QAU524310:QAU524311 QKQ524310:QKQ524311 QUM524310:QUM524311 REI524310:REI524311 ROE524310:ROE524311 RYA524310:RYA524311 SHW524310:SHW524311 SRS524310:SRS524311 TBO524310:TBO524311 TLK524310:TLK524311 TVG524310:TVG524311 UFC524310:UFC524311 UOY524310:UOY524311 UYU524310:UYU524311 VIQ524310:VIQ524311 VSM524310:VSM524311 WCI524310:WCI524311 WME524310:WME524311 WWA524310:WWA524311 S589846:S589847 JO589846:JO589847 TK589846:TK589847 ADG589846:ADG589847 ANC589846:ANC589847 AWY589846:AWY589847 BGU589846:BGU589847 BQQ589846:BQQ589847 CAM589846:CAM589847 CKI589846:CKI589847 CUE589846:CUE589847 DEA589846:DEA589847 DNW589846:DNW589847 DXS589846:DXS589847 EHO589846:EHO589847 ERK589846:ERK589847 FBG589846:FBG589847 FLC589846:FLC589847 FUY589846:FUY589847 GEU589846:GEU589847 GOQ589846:GOQ589847 GYM589846:GYM589847 HII589846:HII589847 HSE589846:HSE589847 ICA589846:ICA589847 ILW589846:ILW589847 IVS589846:IVS589847 JFO589846:JFO589847 JPK589846:JPK589847 JZG589846:JZG589847 KJC589846:KJC589847 KSY589846:KSY589847 LCU589846:LCU589847 LMQ589846:LMQ589847 LWM589846:LWM589847 MGI589846:MGI589847 MQE589846:MQE589847 NAA589846:NAA589847 NJW589846:NJW589847 NTS589846:NTS589847 ODO589846:ODO589847 ONK589846:ONK589847 OXG589846:OXG589847 PHC589846:PHC589847 PQY589846:PQY589847 QAU589846:QAU589847 QKQ589846:QKQ589847 QUM589846:QUM589847 REI589846:REI589847 ROE589846:ROE589847 RYA589846:RYA589847 SHW589846:SHW589847 SRS589846:SRS589847 TBO589846:TBO589847 TLK589846:TLK589847 TVG589846:TVG589847 UFC589846:UFC589847 UOY589846:UOY589847 UYU589846:UYU589847 VIQ589846:VIQ589847 VSM589846:VSM589847 WCI589846:WCI589847 WME589846:WME589847 WWA589846:WWA589847 S655382:S655383 JO655382:JO655383 TK655382:TK655383 ADG655382:ADG655383 ANC655382:ANC655383 AWY655382:AWY655383 BGU655382:BGU655383 BQQ655382:BQQ655383 CAM655382:CAM655383 CKI655382:CKI655383 CUE655382:CUE655383 DEA655382:DEA655383 DNW655382:DNW655383 DXS655382:DXS655383 EHO655382:EHO655383 ERK655382:ERK655383 FBG655382:FBG655383 FLC655382:FLC655383 FUY655382:FUY655383 GEU655382:GEU655383 GOQ655382:GOQ655383 GYM655382:GYM655383 HII655382:HII655383 HSE655382:HSE655383 ICA655382:ICA655383 ILW655382:ILW655383 IVS655382:IVS655383 JFO655382:JFO655383 JPK655382:JPK655383 JZG655382:JZG655383 KJC655382:KJC655383 KSY655382:KSY655383 LCU655382:LCU655383 LMQ655382:LMQ655383 LWM655382:LWM655383 MGI655382:MGI655383 MQE655382:MQE655383 NAA655382:NAA655383 NJW655382:NJW655383 NTS655382:NTS655383 ODO655382:ODO655383 ONK655382:ONK655383 OXG655382:OXG655383 PHC655382:PHC655383 PQY655382:PQY655383 QAU655382:QAU655383 QKQ655382:QKQ655383 QUM655382:QUM655383 REI655382:REI655383 ROE655382:ROE655383 RYA655382:RYA655383 SHW655382:SHW655383 SRS655382:SRS655383 TBO655382:TBO655383 TLK655382:TLK655383 TVG655382:TVG655383 UFC655382:UFC655383 UOY655382:UOY655383 UYU655382:UYU655383 VIQ655382:VIQ655383 VSM655382:VSM655383 WCI655382:WCI655383 WME655382:WME655383 WWA655382:WWA655383 S720918:S720919 JO720918:JO720919 TK720918:TK720919 ADG720918:ADG720919 ANC720918:ANC720919 AWY720918:AWY720919 BGU720918:BGU720919 BQQ720918:BQQ720919 CAM720918:CAM720919 CKI720918:CKI720919 CUE720918:CUE720919 DEA720918:DEA720919 DNW720918:DNW720919 DXS720918:DXS720919 EHO720918:EHO720919 ERK720918:ERK720919 FBG720918:FBG720919 FLC720918:FLC720919 FUY720918:FUY720919 GEU720918:GEU720919 GOQ720918:GOQ720919 GYM720918:GYM720919 HII720918:HII720919 HSE720918:HSE720919 ICA720918:ICA720919 ILW720918:ILW720919 IVS720918:IVS720919 JFO720918:JFO720919 JPK720918:JPK720919 JZG720918:JZG720919 KJC720918:KJC720919 KSY720918:KSY720919 LCU720918:LCU720919 LMQ720918:LMQ720919 LWM720918:LWM720919 MGI720918:MGI720919 MQE720918:MQE720919 NAA720918:NAA720919 NJW720918:NJW720919 NTS720918:NTS720919 ODO720918:ODO720919 ONK720918:ONK720919 OXG720918:OXG720919 PHC720918:PHC720919 PQY720918:PQY720919 QAU720918:QAU720919 QKQ720918:QKQ720919 QUM720918:QUM720919 REI720918:REI720919 ROE720918:ROE720919 RYA720918:RYA720919 SHW720918:SHW720919 SRS720918:SRS720919 TBO720918:TBO720919 TLK720918:TLK720919 TVG720918:TVG720919 UFC720918:UFC720919 UOY720918:UOY720919 UYU720918:UYU720919 VIQ720918:VIQ720919 VSM720918:VSM720919 WCI720918:WCI720919 WME720918:WME720919 WWA720918:WWA720919 S786454:S786455 JO786454:JO786455 TK786454:TK786455 ADG786454:ADG786455 ANC786454:ANC786455 AWY786454:AWY786455 BGU786454:BGU786455 BQQ786454:BQQ786455 CAM786454:CAM786455 CKI786454:CKI786455 CUE786454:CUE786455 DEA786454:DEA786455 DNW786454:DNW786455 DXS786454:DXS786455 EHO786454:EHO786455 ERK786454:ERK786455 FBG786454:FBG786455 FLC786454:FLC786455 FUY786454:FUY786455 GEU786454:GEU786455 GOQ786454:GOQ786455 GYM786454:GYM786455 HII786454:HII786455 HSE786454:HSE786455 ICA786454:ICA786455 ILW786454:ILW786455 IVS786454:IVS786455 JFO786454:JFO786455 JPK786454:JPK786455 JZG786454:JZG786455 KJC786454:KJC786455 KSY786454:KSY786455 LCU786454:LCU786455 LMQ786454:LMQ786455 LWM786454:LWM786455 MGI786454:MGI786455 MQE786454:MQE786455 NAA786454:NAA786455 NJW786454:NJW786455 NTS786454:NTS786455 ODO786454:ODO786455 ONK786454:ONK786455 OXG786454:OXG786455 PHC786454:PHC786455 PQY786454:PQY786455 QAU786454:QAU786455 QKQ786454:QKQ786455 QUM786454:QUM786455 REI786454:REI786455 ROE786454:ROE786455 RYA786454:RYA786455 SHW786454:SHW786455 SRS786454:SRS786455 TBO786454:TBO786455 TLK786454:TLK786455 TVG786454:TVG786455 UFC786454:UFC786455 UOY786454:UOY786455 UYU786454:UYU786455 VIQ786454:VIQ786455 VSM786454:VSM786455 WCI786454:WCI786455 WME786454:WME786455 WWA786454:WWA786455 S851990:S851991 JO851990:JO851991 TK851990:TK851991 ADG851990:ADG851991 ANC851990:ANC851991 AWY851990:AWY851991 BGU851990:BGU851991 BQQ851990:BQQ851991 CAM851990:CAM851991 CKI851990:CKI851991 CUE851990:CUE851991 DEA851990:DEA851991 DNW851990:DNW851991 DXS851990:DXS851991 EHO851990:EHO851991 ERK851990:ERK851991 FBG851990:FBG851991 FLC851990:FLC851991 FUY851990:FUY851991 GEU851990:GEU851991 GOQ851990:GOQ851991 GYM851990:GYM851991 HII851990:HII851991 HSE851990:HSE851991 ICA851990:ICA851991 ILW851990:ILW851991 IVS851990:IVS851991 JFO851990:JFO851991 JPK851990:JPK851991 JZG851990:JZG851991 KJC851990:KJC851991 KSY851990:KSY851991 LCU851990:LCU851991 LMQ851990:LMQ851991 LWM851990:LWM851991 MGI851990:MGI851991 MQE851990:MQE851991 NAA851990:NAA851991 NJW851990:NJW851991 NTS851990:NTS851991 ODO851990:ODO851991 ONK851990:ONK851991 OXG851990:OXG851991 PHC851990:PHC851991 PQY851990:PQY851991 QAU851990:QAU851991 QKQ851990:QKQ851991 QUM851990:QUM851991 REI851990:REI851991 ROE851990:ROE851991 RYA851990:RYA851991 SHW851990:SHW851991 SRS851990:SRS851991 TBO851990:TBO851991 TLK851990:TLK851991 TVG851990:TVG851991 UFC851990:UFC851991 UOY851990:UOY851991 UYU851990:UYU851991 VIQ851990:VIQ851991 VSM851990:VSM851991 WCI851990:WCI851991 WME851990:WME851991 WWA851990:WWA851991 S917526:S917527 JO917526:JO917527 TK917526:TK917527 ADG917526:ADG917527 ANC917526:ANC917527 AWY917526:AWY917527 BGU917526:BGU917527 BQQ917526:BQQ917527 CAM917526:CAM917527 CKI917526:CKI917527 CUE917526:CUE917527 DEA917526:DEA917527 DNW917526:DNW917527 DXS917526:DXS917527 EHO917526:EHO917527 ERK917526:ERK917527 FBG917526:FBG917527 FLC917526:FLC917527 FUY917526:FUY917527 GEU917526:GEU917527 GOQ917526:GOQ917527 GYM917526:GYM917527 HII917526:HII917527 HSE917526:HSE917527 ICA917526:ICA917527 ILW917526:ILW917527 IVS917526:IVS917527 JFO917526:JFO917527 JPK917526:JPK917527 JZG917526:JZG917527 KJC917526:KJC917527 KSY917526:KSY917527 LCU917526:LCU917527 LMQ917526:LMQ917527 LWM917526:LWM917527 MGI917526:MGI917527 MQE917526:MQE917527 NAA917526:NAA917527 NJW917526:NJW917527 NTS917526:NTS917527 ODO917526:ODO917527 ONK917526:ONK917527 OXG917526:OXG917527 PHC917526:PHC917527 PQY917526:PQY917527 QAU917526:QAU917527 QKQ917526:QKQ917527 QUM917526:QUM917527 REI917526:REI917527 ROE917526:ROE917527 RYA917526:RYA917527 SHW917526:SHW917527 SRS917526:SRS917527 TBO917526:TBO917527 TLK917526:TLK917527 TVG917526:TVG917527 UFC917526:UFC917527 UOY917526:UOY917527 UYU917526:UYU917527 VIQ917526:VIQ917527 VSM917526:VSM917527 WCI917526:WCI917527 WME917526:WME917527 WWA917526:WWA917527 S983062:S983063 JO983062:JO983063 TK983062:TK983063 ADG983062:ADG983063 ANC983062:ANC983063 AWY983062:AWY983063 BGU983062:BGU983063 BQQ983062:BQQ983063 CAM983062:CAM983063 CKI983062:CKI983063 CUE983062:CUE983063 DEA983062:DEA983063 DNW983062:DNW983063 DXS983062:DXS983063 EHO983062:EHO983063 ERK983062:ERK983063 FBG983062:FBG983063 FLC983062:FLC983063 FUY983062:FUY983063 GEU983062:GEU983063 GOQ983062:GOQ983063 GYM983062:GYM983063 HII983062:HII983063 HSE983062:HSE983063 ICA983062:ICA983063 ILW983062:ILW983063 IVS983062:IVS983063 JFO983062:JFO983063 JPK983062:JPK983063 JZG983062:JZG983063 KJC983062:KJC983063 KSY983062:KSY983063 LCU983062:LCU983063 LMQ983062:LMQ983063 LWM983062:LWM983063 MGI983062:MGI983063 MQE983062:MQE983063 NAA983062:NAA983063 NJW983062:NJW983063 NTS983062:NTS983063 ODO983062:ODO983063 ONK983062:ONK983063 OXG983062:OXG983063 PHC983062:PHC983063 PQY983062:PQY983063 QAU983062:QAU983063 QKQ983062:QKQ983063 QUM983062:QUM983063 REI983062:REI983063 ROE983062:ROE983063 RYA983062:RYA983063 SHW983062:SHW983063 SRS983062:SRS983063 TBO983062:TBO983063 TLK983062:TLK983063 TVG983062:TVG983063 UFC983062:UFC983063 UOY983062:UOY983063 UYU983062:UYU983063 VIQ983062:VIQ983063 VSM983062:VSM983063 WCI983062:WCI983063 WME983062:WME983063 WWA983062:WWA983063 T22:U22 JP22:JQ22 TL22:TM22 ADH22:ADI22 AND22:ANE22 AWZ22:AXA22 BGV22:BGW22 BQR22:BQS22 CAN22:CAO22 CKJ22:CKK22 CUF22:CUG22 DEB22:DEC22 DNX22:DNY22 DXT22:DXU22 EHP22:EHQ22 ERL22:ERM22 FBH22:FBI22 FLD22:FLE22 FUZ22:FVA22 GEV22:GEW22 GOR22:GOS22 GYN22:GYO22 HIJ22:HIK22 HSF22:HSG22 ICB22:ICC22 ILX22:ILY22 IVT22:IVU22 JFP22:JFQ22 JPL22:JPM22 JZH22:JZI22 KJD22:KJE22 KSZ22:KTA22 LCV22:LCW22 LMR22:LMS22 LWN22:LWO22 MGJ22:MGK22 MQF22:MQG22 NAB22:NAC22 NJX22:NJY22 NTT22:NTU22 ODP22:ODQ22 ONL22:ONM22 OXH22:OXI22 PHD22:PHE22 PQZ22:PRA22 QAV22:QAW22 QKR22:QKS22 QUN22:QUO22 REJ22:REK22 ROF22:ROG22 RYB22:RYC22 SHX22:SHY22 SRT22:SRU22 TBP22:TBQ22 TLL22:TLM22 TVH22:TVI22 UFD22:UFE22 UOZ22:UPA22 UYV22:UYW22 VIR22:VIS22 VSN22:VSO22 WCJ22:WCK22 WMF22:WMG22 WWB22:WWC22 T65558:U65558 JP65558:JQ65558 TL65558:TM65558 ADH65558:ADI65558 AND65558:ANE65558 AWZ65558:AXA65558 BGV65558:BGW65558 BQR65558:BQS65558 CAN65558:CAO65558 CKJ65558:CKK65558 CUF65558:CUG65558 DEB65558:DEC65558 DNX65558:DNY65558 DXT65558:DXU65558 EHP65558:EHQ65558 ERL65558:ERM65558 FBH65558:FBI65558 FLD65558:FLE65558 FUZ65558:FVA65558 GEV65558:GEW65558 GOR65558:GOS65558 GYN65558:GYO65558 HIJ65558:HIK65558 HSF65558:HSG65558 ICB65558:ICC65558 ILX65558:ILY65558 IVT65558:IVU65558 JFP65558:JFQ65558 JPL65558:JPM65558 JZH65558:JZI65558 KJD65558:KJE65558 KSZ65558:KTA65558 LCV65558:LCW65558 LMR65558:LMS65558 LWN65558:LWO65558 MGJ65558:MGK65558 MQF65558:MQG65558 NAB65558:NAC65558 NJX65558:NJY65558 NTT65558:NTU65558 ODP65558:ODQ65558 ONL65558:ONM65558 OXH65558:OXI65558 PHD65558:PHE65558 PQZ65558:PRA65558 QAV65558:QAW65558 QKR65558:QKS65558 QUN65558:QUO65558 REJ65558:REK65558 ROF65558:ROG65558 RYB65558:RYC65558 SHX65558:SHY65558 SRT65558:SRU65558 TBP65558:TBQ65558 TLL65558:TLM65558 TVH65558:TVI65558 UFD65558:UFE65558 UOZ65558:UPA65558 UYV65558:UYW65558 VIR65558:VIS65558 VSN65558:VSO65558 WCJ65558:WCK65558 WMF65558:WMG65558 WWB65558:WWC65558 T131094:U131094 JP131094:JQ131094 TL131094:TM131094 ADH131094:ADI131094 AND131094:ANE131094 AWZ131094:AXA131094 BGV131094:BGW131094 BQR131094:BQS131094 CAN131094:CAO131094 CKJ131094:CKK131094 CUF131094:CUG131094 DEB131094:DEC131094 DNX131094:DNY131094 DXT131094:DXU131094 EHP131094:EHQ131094 ERL131094:ERM131094 FBH131094:FBI131094 FLD131094:FLE131094 FUZ131094:FVA131094 GEV131094:GEW131094 GOR131094:GOS131094 GYN131094:GYO131094 HIJ131094:HIK131094 HSF131094:HSG131094 ICB131094:ICC131094 ILX131094:ILY131094 IVT131094:IVU131094 JFP131094:JFQ131094 JPL131094:JPM131094 JZH131094:JZI131094 KJD131094:KJE131094 KSZ131094:KTA131094 LCV131094:LCW131094 LMR131094:LMS131094 LWN131094:LWO131094 MGJ131094:MGK131094 MQF131094:MQG131094 NAB131094:NAC131094 NJX131094:NJY131094 NTT131094:NTU131094 ODP131094:ODQ131094 ONL131094:ONM131094 OXH131094:OXI131094 PHD131094:PHE131094 PQZ131094:PRA131094 QAV131094:QAW131094 QKR131094:QKS131094 QUN131094:QUO131094 REJ131094:REK131094 ROF131094:ROG131094 RYB131094:RYC131094 SHX131094:SHY131094 SRT131094:SRU131094 TBP131094:TBQ131094 TLL131094:TLM131094 TVH131094:TVI131094 UFD131094:UFE131094 UOZ131094:UPA131094 UYV131094:UYW131094 VIR131094:VIS131094 VSN131094:VSO131094 WCJ131094:WCK131094 WMF131094:WMG131094 WWB131094:WWC131094 T196630:U196630 JP196630:JQ196630 TL196630:TM196630 ADH196630:ADI196630 AND196630:ANE196630 AWZ196630:AXA196630 BGV196630:BGW196630 BQR196630:BQS196630 CAN196630:CAO196630 CKJ196630:CKK196630 CUF196630:CUG196630 DEB196630:DEC196630 DNX196630:DNY196630 DXT196630:DXU196630 EHP196630:EHQ196630 ERL196630:ERM196630 FBH196630:FBI196630 FLD196630:FLE196630 FUZ196630:FVA196630 GEV196630:GEW196630 GOR196630:GOS196630 GYN196630:GYO196630 HIJ196630:HIK196630 HSF196630:HSG196630 ICB196630:ICC196630 ILX196630:ILY196630 IVT196630:IVU196630 JFP196630:JFQ196630 JPL196630:JPM196630 JZH196630:JZI196630 KJD196630:KJE196630 KSZ196630:KTA196630 LCV196630:LCW196630 LMR196630:LMS196630 LWN196630:LWO196630 MGJ196630:MGK196630 MQF196630:MQG196630 NAB196630:NAC196630 NJX196630:NJY196630 NTT196630:NTU196630 ODP196630:ODQ196630 ONL196630:ONM196630 OXH196630:OXI196630 PHD196630:PHE196630 PQZ196630:PRA196630 QAV196630:QAW196630 QKR196630:QKS196630 QUN196630:QUO196630 REJ196630:REK196630 ROF196630:ROG196630 RYB196630:RYC196630 SHX196630:SHY196630 SRT196630:SRU196630 TBP196630:TBQ196630 TLL196630:TLM196630 TVH196630:TVI196630 UFD196630:UFE196630 UOZ196630:UPA196630 UYV196630:UYW196630 VIR196630:VIS196630 VSN196630:VSO196630 WCJ196630:WCK196630 WMF196630:WMG196630 WWB196630:WWC196630 T262166:U262166 JP262166:JQ262166 TL262166:TM262166 ADH262166:ADI262166 AND262166:ANE262166 AWZ262166:AXA262166 BGV262166:BGW262166 BQR262166:BQS262166 CAN262166:CAO262166 CKJ262166:CKK262166 CUF262166:CUG262166 DEB262166:DEC262166 DNX262166:DNY262166 DXT262166:DXU262166 EHP262166:EHQ262166 ERL262166:ERM262166 FBH262166:FBI262166 FLD262166:FLE262166 FUZ262166:FVA262166 GEV262166:GEW262166 GOR262166:GOS262166 GYN262166:GYO262166 HIJ262166:HIK262166 HSF262166:HSG262166 ICB262166:ICC262166 ILX262166:ILY262166 IVT262166:IVU262166 JFP262166:JFQ262166 JPL262166:JPM262166 JZH262166:JZI262166 KJD262166:KJE262166 KSZ262166:KTA262166 LCV262166:LCW262166 LMR262166:LMS262166 LWN262166:LWO262166 MGJ262166:MGK262166 MQF262166:MQG262166 NAB262166:NAC262166 NJX262166:NJY262166 NTT262166:NTU262166 ODP262166:ODQ262166 ONL262166:ONM262166 OXH262166:OXI262166 PHD262166:PHE262166 PQZ262166:PRA262166 QAV262166:QAW262166 QKR262166:QKS262166 QUN262166:QUO262166 REJ262166:REK262166 ROF262166:ROG262166 RYB262166:RYC262166 SHX262166:SHY262166 SRT262166:SRU262166 TBP262166:TBQ262166 TLL262166:TLM262166 TVH262166:TVI262166 UFD262166:UFE262166 UOZ262166:UPA262166 UYV262166:UYW262166 VIR262166:VIS262166 VSN262166:VSO262166 WCJ262166:WCK262166 WMF262166:WMG262166 WWB262166:WWC262166 T327702:U327702 JP327702:JQ327702 TL327702:TM327702 ADH327702:ADI327702 AND327702:ANE327702 AWZ327702:AXA327702 BGV327702:BGW327702 BQR327702:BQS327702 CAN327702:CAO327702 CKJ327702:CKK327702 CUF327702:CUG327702 DEB327702:DEC327702 DNX327702:DNY327702 DXT327702:DXU327702 EHP327702:EHQ327702 ERL327702:ERM327702 FBH327702:FBI327702 FLD327702:FLE327702 FUZ327702:FVA327702 GEV327702:GEW327702 GOR327702:GOS327702 GYN327702:GYO327702 HIJ327702:HIK327702 HSF327702:HSG327702 ICB327702:ICC327702 ILX327702:ILY327702 IVT327702:IVU327702 JFP327702:JFQ327702 JPL327702:JPM327702 JZH327702:JZI327702 KJD327702:KJE327702 KSZ327702:KTA327702 LCV327702:LCW327702 LMR327702:LMS327702 LWN327702:LWO327702 MGJ327702:MGK327702 MQF327702:MQG327702 NAB327702:NAC327702 NJX327702:NJY327702 NTT327702:NTU327702 ODP327702:ODQ327702 ONL327702:ONM327702 OXH327702:OXI327702 PHD327702:PHE327702 PQZ327702:PRA327702 QAV327702:QAW327702 QKR327702:QKS327702 QUN327702:QUO327702 REJ327702:REK327702 ROF327702:ROG327702 RYB327702:RYC327702 SHX327702:SHY327702 SRT327702:SRU327702 TBP327702:TBQ327702 TLL327702:TLM327702 TVH327702:TVI327702 UFD327702:UFE327702 UOZ327702:UPA327702 UYV327702:UYW327702 VIR327702:VIS327702 VSN327702:VSO327702 WCJ327702:WCK327702 WMF327702:WMG327702 WWB327702:WWC327702 T393238:U393238 JP393238:JQ393238 TL393238:TM393238 ADH393238:ADI393238 AND393238:ANE393238 AWZ393238:AXA393238 BGV393238:BGW393238 BQR393238:BQS393238 CAN393238:CAO393238 CKJ393238:CKK393238 CUF393238:CUG393238 DEB393238:DEC393238 DNX393238:DNY393238 DXT393238:DXU393238 EHP393238:EHQ393238 ERL393238:ERM393238 FBH393238:FBI393238 FLD393238:FLE393238 FUZ393238:FVA393238 GEV393238:GEW393238 GOR393238:GOS393238 GYN393238:GYO393238 HIJ393238:HIK393238 HSF393238:HSG393238 ICB393238:ICC393238 ILX393238:ILY393238 IVT393238:IVU393238 JFP393238:JFQ393238 JPL393238:JPM393238 JZH393238:JZI393238 KJD393238:KJE393238 KSZ393238:KTA393238 LCV393238:LCW393238 LMR393238:LMS393238 LWN393238:LWO393238 MGJ393238:MGK393238 MQF393238:MQG393238 NAB393238:NAC393238 NJX393238:NJY393238 NTT393238:NTU393238 ODP393238:ODQ393238 ONL393238:ONM393238 OXH393238:OXI393238 PHD393238:PHE393238 PQZ393238:PRA393238 QAV393238:QAW393238 QKR393238:QKS393238 QUN393238:QUO393238 REJ393238:REK393238 ROF393238:ROG393238 RYB393238:RYC393238 SHX393238:SHY393238 SRT393238:SRU393238 TBP393238:TBQ393238 TLL393238:TLM393238 TVH393238:TVI393238 UFD393238:UFE393238 UOZ393238:UPA393238 UYV393238:UYW393238 VIR393238:VIS393238 VSN393238:VSO393238 WCJ393238:WCK393238 WMF393238:WMG393238 WWB393238:WWC393238 T458774:U458774 JP458774:JQ458774 TL458774:TM458774 ADH458774:ADI458774 AND458774:ANE458774 AWZ458774:AXA458774 BGV458774:BGW458774 BQR458774:BQS458774 CAN458774:CAO458774 CKJ458774:CKK458774 CUF458774:CUG458774 DEB458774:DEC458774 DNX458774:DNY458774 DXT458774:DXU458774 EHP458774:EHQ458774 ERL458774:ERM458774 FBH458774:FBI458774 FLD458774:FLE458774 FUZ458774:FVA458774 GEV458774:GEW458774 GOR458774:GOS458774 GYN458774:GYO458774 HIJ458774:HIK458774 HSF458774:HSG458774 ICB458774:ICC458774 ILX458774:ILY458774 IVT458774:IVU458774 JFP458774:JFQ458774 JPL458774:JPM458774 JZH458774:JZI458774 KJD458774:KJE458774 KSZ458774:KTA458774 LCV458774:LCW458774 LMR458774:LMS458774 LWN458774:LWO458774 MGJ458774:MGK458774 MQF458774:MQG458774 NAB458774:NAC458774 NJX458774:NJY458774 NTT458774:NTU458774 ODP458774:ODQ458774 ONL458774:ONM458774 OXH458774:OXI458774 PHD458774:PHE458774 PQZ458774:PRA458774 QAV458774:QAW458774 QKR458774:QKS458774 QUN458774:QUO458774 REJ458774:REK458774 ROF458774:ROG458774 RYB458774:RYC458774 SHX458774:SHY458774 SRT458774:SRU458774 TBP458774:TBQ458774 TLL458774:TLM458774 TVH458774:TVI458774 UFD458774:UFE458774 UOZ458774:UPA458774 UYV458774:UYW458774 VIR458774:VIS458774 VSN458774:VSO458774 WCJ458774:WCK458774 WMF458774:WMG458774 WWB458774:WWC458774 T524310:U524310 JP524310:JQ524310 TL524310:TM524310 ADH524310:ADI524310 AND524310:ANE524310 AWZ524310:AXA524310 BGV524310:BGW524310 BQR524310:BQS524310 CAN524310:CAO524310 CKJ524310:CKK524310 CUF524310:CUG524310 DEB524310:DEC524310 DNX524310:DNY524310 DXT524310:DXU524310 EHP524310:EHQ524310 ERL524310:ERM524310 FBH524310:FBI524310 FLD524310:FLE524310 FUZ524310:FVA524310 GEV524310:GEW524310 GOR524310:GOS524310 GYN524310:GYO524310 HIJ524310:HIK524310 HSF524310:HSG524310 ICB524310:ICC524310 ILX524310:ILY524310 IVT524310:IVU524310 JFP524310:JFQ524310 JPL524310:JPM524310 JZH524310:JZI524310 KJD524310:KJE524310 KSZ524310:KTA524310 LCV524310:LCW524310 LMR524310:LMS524310 LWN524310:LWO524310 MGJ524310:MGK524310 MQF524310:MQG524310 NAB524310:NAC524310 NJX524310:NJY524310 NTT524310:NTU524310 ODP524310:ODQ524310 ONL524310:ONM524310 OXH524310:OXI524310 PHD524310:PHE524310 PQZ524310:PRA524310 QAV524310:QAW524310 QKR524310:QKS524310 QUN524310:QUO524310 REJ524310:REK524310 ROF524310:ROG524310 RYB524310:RYC524310 SHX524310:SHY524310 SRT524310:SRU524310 TBP524310:TBQ524310 TLL524310:TLM524310 TVH524310:TVI524310 UFD524310:UFE524310 UOZ524310:UPA524310 UYV524310:UYW524310 VIR524310:VIS524310 VSN524310:VSO524310 WCJ524310:WCK524310 WMF524310:WMG524310 WWB524310:WWC524310 T589846:U589846 JP589846:JQ589846 TL589846:TM589846 ADH589846:ADI589846 AND589846:ANE589846 AWZ589846:AXA589846 BGV589846:BGW589846 BQR589846:BQS589846 CAN589846:CAO589846 CKJ589846:CKK589846 CUF589846:CUG589846 DEB589846:DEC589846 DNX589846:DNY589846 DXT589846:DXU589846 EHP589846:EHQ589846 ERL589846:ERM589846 FBH589846:FBI589846 FLD589846:FLE589846 FUZ589846:FVA589846 GEV589846:GEW589846 GOR589846:GOS589846 GYN589846:GYO589846 HIJ589846:HIK589846 HSF589846:HSG589846 ICB589846:ICC589846 ILX589846:ILY589846 IVT589846:IVU589846 JFP589846:JFQ589846 JPL589846:JPM589846 JZH589846:JZI589846 KJD589846:KJE589846 KSZ589846:KTA589846 LCV589846:LCW589846 LMR589846:LMS589846 LWN589846:LWO589846 MGJ589846:MGK589846 MQF589846:MQG589846 NAB589846:NAC589846 NJX589846:NJY589846 NTT589846:NTU589846 ODP589846:ODQ589846 ONL589846:ONM589846 OXH589846:OXI589846 PHD589846:PHE589846 PQZ589846:PRA589846 QAV589846:QAW589846 QKR589846:QKS589846 QUN589846:QUO589846 REJ589846:REK589846 ROF589846:ROG589846 RYB589846:RYC589846 SHX589846:SHY589846 SRT589846:SRU589846 TBP589846:TBQ589846 TLL589846:TLM589846 TVH589846:TVI589846 UFD589846:UFE589846 UOZ589846:UPA589846 UYV589846:UYW589846 VIR589846:VIS589846 VSN589846:VSO589846 WCJ589846:WCK589846 WMF589846:WMG589846 WWB589846:WWC589846 T655382:U655382 JP655382:JQ655382 TL655382:TM655382 ADH655382:ADI655382 AND655382:ANE655382 AWZ655382:AXA655382 BGV655382:BGW655382 BQR655382:BQS655382 CAN655382:CAO655382 CKJ655382:CKK655382 CUF655382:CUG655382 DEB655382:DEC655382 DNX655382:DNY655382 DXT655382:DXU655382 EHP655382:EHQ655382 ERL655382:ERM655382 FBH655382:FBI655382 FLD655382:FLE655382 FUZ655382:FVA655382 GEV655382:GEW655382 GOR655382:GOS655382 GYN655382:GYO655382 HIJ655382:HIK655382 HSF655382:HSG655382 ICB655382:ICC655382 ILX655382:ILY655382 IVT655382:IVU655382 JFP655382:JFQ655382 JPL655382:JPM655382 JZH655382:JZI655382 KJD655382:KJE655382 KSZ655382:KTA655382 LCV655382:LCW655382 LMR655382:LMS655382 LWN655382:LWO655382 MGJ655382:MGK655382 MQF655382:MQG655382 NAB655382:NAC655382 NJX655382:NJY655382 NTT655382:NTU655382 ODP655382:ODQ655382 ONL655382:ONM655382 OXH655382:OXI655382 PHD655382:PHE655382 PQZ655382:PRA655382 QAV655382:QAW655382 QKR655382:QKS655382 QUN655382:QUO655382 REJ655382:REK655382 ROF655382:ROG655382 RYB655382:RYC655382 SHX655382:SHY655382 SRT655382:SRU655382 TBP655382:TBQ655382 TLL655382:TLM655382 TVH655382:TVI655382 UFD655382:UFE655382 UOZ655382:UPA655382 UYV655382:UYW655382 VIR655382:VIS655382 VSN655382:VSO655382 WCJ655382:WCK655382 WMF655382:WMG655382 WWB655382:WWC655382 T720918:U720918 JP720918:JQ720918 TL720918:TM720918 ADH720918:ADI720918 AND720918:ANE720918 AWZ720918:AXA720918 BGV720918:BGW720918 BQR720918:BQS720918 CAN720918:CAO720918 CKJ720918:CKK720918 CUF720918:CUG720918 DEB720918:DEC720918 DNX720918:DNY720918 DXT720918:DXU720918 EHP720918:EHQ720918 ERL720918:ERM720918 FBH720918:FBI720918 FLD720918:FLE720918 FUZ720918:FVA720918 GEV720918:GEW720918 GOR720918:GOS720918 GYN720918:GYO720918 HIJ720918:HIK720918 HSF720918:HSG720918 ICB720918:ICC720918 ILX720918:ILY720918 IVT720918:IVU720918 JFP720918:JFQ720918 JPL720918:JPM720918 JZH720918:JZI720918 KJD720918:KJE720918 KSZ720918:KTA720918 LCV720918:LCW720918 LMR720918:LMS720918 LWN720918:LWO720918 MGJ720918:MGK720918 MQF720918:MQG720918 NAB720918:NAC720918 NJX720918:NJY720918 NTT720918:NTU720918 ODP720918:ODQ720918 ONL720918:ONM720918 OXH720918:OXI720918 PHD720918:PHE720918 PQZ720918:PRA720918 QAV720918:QAW720918 QKR720918:QKS720918 QUN720918:QUO720918 REJ720918:REK720918 ROF720918:ROG720918 RYB720918:RYC720918 SHX720918:SHY720918 SRT720918:SRU720918 TBP720918:TBQ720918 TLL720918:TLM720918 TVH720918:TVI720918 UFD720918:UFE720918 UOZ720918:UPA720918 UYV720918:UYW720918 VIR720918:VIS720918 VSN720918:VSO720918 WCJ720918:WCK720918 WMF720918:WMG720918 WWB720918:WWC720918 T786454:U786454 JP786454:JQ786454 TL786454:TM786454 ADH786454:ADI786454 AND786454:ANE786454 AWZ786454:AXA786454 BGV786454:BGW786454 BQR786454:BQS786454 CAN786454:CAO786454 CKJ786454:CKK786454 CUF786454:CUG786454 DEB786454:DEC786454 DNX786454:DNY786454 DXT786454:DXU786454 EHP786454:EHQ786454 ERL786454:ERM786454 FBH786454:FBI786454 FLD786454:FLE786454 FUZ786454:FVA786454 GEV786454:GEW786454 GOR786454:GOS786454 GYN786454:GYO786454 HIJ786454:HIK786454 HSF786454:HSG786454 ICB786454:ICC786454 ILX786454:ILY786454 IVT786454:IVU786454 JFP786454:JFQ786454 JPL786454:JPM786454 JZH786454:JZI786454 KJD786454:KJE786454 KSZ786454:KTA786454 LCV786454:LCW786454 LMR786454:LMS786454 LWN786454:LWO786454 MGJ786454:MGK786454 MQF786454:MQG786454 NAB786454:NAC786454 NJX786454:NJY786454 NTT786454:NTU786454 ODP786454:ODQ786454 ONL786454:ONM786454 OXH786454:OXI786454 PHD786454:PHE786454 PQZ786454:PRA786454 QAV786454:QAW786454 QKR786454:QKS786454 QUN786454:QUO786454 REJ786454:REK786454 ROF786454:ROG786454 RYB786454:RYC786454 SHX786454:SHY786454 SRT786454:SRU786454 TBP786454:TBQ786454 TLL786454:TLM786454 TVH786454:TVI786454 UFD786454:UFE786454 UOZ786454:UPA786454 UYV786454:UYW786454 VIR786454:VIS786454 VSN786454:VSO786454 WCJ786454:WCK786454 WMF786454:WMG786454 WWB786454:WWC786454 T851990:U851990 JP851990:JQ851990 TL851990:TM851990 ADH851990:ADI851990 AND851990:ANE851990 AWZ851990:AXA851990 BGV851990:BGW851990 BQR851990:BQS851990 CAN851990:CAO851990 CKJ851990:CKK851990 CUF851990:CUG851990 DEB851990:DEC851990 DNX851990:DNY851990 DXT851990:DXU851990 EHP851990:EHQ851990 ERL851990:ERM851990 FBH851990:FBI851990 FLD851990:FLE851990 FUZ851990:FVA851990 GEV851990:GEW851990 GOR851990:GOS851990 GYN851990:GYO851990 HIJ851990:HIK851990 HSF851990:HSG851990 ICB851990:ICC851990 ILX851990:ILY851990 IVT851990:IVU851990 JFP851990:JFQ851990 JPL851990:JPM851990 JZH851990:JZI851990 KJD851990:KJE851990 KSZ851990:KTA851990 LCV851990:LCW851990 LMR851990:LMS851990 LWN851990:LWO851990 MGJ851990:MGK851990 MQF851990:MQG851990 NAB851990:NAC851990 NJX851990:NJY851990 NTT851990:NTU851990 ODP851990:ODQ851990 ONL851990:ONM851990 OXH851990:OXI851990 PHD851990:PHE851990 PQZ851990:PRA851990 QAV851990:QAW851990 QKR851990:QKS851990 QUN851990:QUO851990 REJ851990:REK851990 ROF851990:ROG851990 RYB851990:RYC851990 SHX851990:SHY851990 SRT851990:SRU851990 TBP851990:TBQ851990 TLL851990:TLM851990 TVH851990:TVI851990 UFD851990:UFE851990 UOZ851990:UPA851990 UYV851990:UYW851990 VIR851990:VIS851990 VSN851990:VSO851990 WCJ851990:WCK851990 WMF851990:WMG851990 WWB851990:WWC851990 T917526:U917526 JP917526:JQ917526 TL917526:TM917526 ADH917526:ADI917526 AND917526:ANE917526 AWZ917526:AXA917526 BGV917526:BGW917526 BQR917526:BQS917526 CAN917526:CAO917526 CKJ917526:CKK917526 CUF917526:CUG917526 DEB917526:DEC917526 DNX917526:DNY917526 DXT917526:DXU917526 EHP917526:EHQ917526 ERL917526:ERM917526 FBH917526:FBI917526 FLD917526:FLE917526 FUZ917526:FVA917526 GEV917526:GEW917526 GOR917526:GOS917526 GYN917526:GYO917526 HIJ917526:HIK917526 HSF917526:HSG917526 ICB917526:ICC917526 ILX917526:ILY917526 IVT917526:IVU917526 JFP917526:JFQ917526 JPL917526:JPM917526 JZH917526:JZI917526 KJD917526:KJE917526 KSZ917526:KTA917526 LCV917526:LCW917526 LMR917526:LMS917526 LWN917526:LWO917526 MGJ917526:MGK917526 MQF917526:MQG917526 NAB917526:NAC917526 NJX917526:NJY917526 NTT917526:NTU917526 ODP917526:ODQ917526 ONL917526:ONM917526 OXH917526:OXI917526 PHD917526:PHE917526 PQZ917526:PRA917526 QAV917526:QAW917526 QKR917526:QKS917526 QUN917526:QUO917526 REJ917526:REK917526 ROF917526:ROG917526 RYB917526:RYC917526 SHX917526:SHY917526 SRT917526:SRU917526 TBP917526:TBQ917526 TLL917526:TLM917526 TVH917526:TVI917526 UFD917526:UFE917526 UOZ917526:UPA917526 UYV917526:UYW917526 VIR917526:VIS917526 VSN917526:VSO917526 WCJ917526:WCK917526 WMF917526:WMG917526 WWB917526:WWC917526 T983062:U983062 JP983062:JQ983062 TL983062:TM983062 ADH983062:ADI983062 AND983062:ANE983062 AWZ983062:AXA983062 BGV983062:BGW983062 BQR983062:BQS983062 CAN983062:CAO983062 CKJ983062:CKK983062 CUF983062:CUG983062 DEB983062:DEC983062 DNX983062:DNY983062 DXT983062:DXU983062 EHP983062:EHQ983062 ERL983062:ERM983062 FBH983062:FBI983062 FLD983062:FLE983062 FUZ983062:FVA983062 GEV983062:GEW983062 GOR983062:GOS983062 GYN983062:GYO983062 HIJ983062:HIK983062 HSF983062:HSG983062 ICB983062:ICC983062 ILX983062:ILY983062 IVT983062:IVU983062 JFP983062:JFQ983062 JPL983062:JPM983062 JZH983062:JZI983062 KJD983062:KJE983062 KSZ983062:KTA983062 LCV983062:LCW983062 LMR983062:LMS983062 LWN983062:LWO983062 MGJ983062:MGK983062 MQF983062:MQG983062 NAB983062:NAC983062 NJX983062:NJY983062 NTT983062:NTU983062 ODP983062:ODQ983062 ONL983062:ONM983062 OXH983062:OXI983062 PHD983062:PHE983062 PQZ983062:PRA983062 QAV983062:QAW983062 QKR983062:QKS983062 QUN983062:QUO983062 REJ983062:REK983062 ROF983062:ROG983062 RYB983062:RYC983062 SHX983062:SHY983062 SRT983062:SRU983062 TBP983062:TBQ983062 TLL983062:TLM983062 TVH983062:TVI983062 UFD983062:UFE983062 UOZ983062:UPA983062 UYV983062:UYW983062 VIR983062:VIS983062 VSN983062:VSO983062 WCJ983062:WCK983062 WMF983062:WMG983062 WWB983062:WWC983062 U23 JQ23 TM23 ADI23 ANE23 AXA23 BGW23 BQS23 CAO23 CKK23 CUG23 DEC23 DNY23 DXU23 EHQ23 ERM23 FBI23 FLE23 FVA23 GEW23 GOS23 GYO23 HIK23 HSG23 ICC23 ILY23 IVU23 JFQ23 JPM23 JZI23 KJE23 KTA23 LCW23 LMS23 LWO23 MGK23 MQG23 NAC23 NJY23 NTU23 ODQ23 ONM23 OXI23 PHE23 PRA23 QAW23 QKS23 QUO23 REK23 ROG23 RYC23 SHY23 SRU23 TBQ23 TLM23 TVI23 UFE23 UPA23 UYW23 VIS23 VSO23 WCK23 WMG23 WWC23 U65559 JQ65559 TM65559 ADI65559 ANE65559 AXA65559 BGW65559 BQS65559 CAO65559 CKK65559 CUG65559 DEC65559 DNY65559 DXU65559 EHQ65559 ERM65559 FBI65559 FLE65559 FVA65559 GEW65559 GOS65559 GYO65559 HIK65559 HSG65559 ICC65559 ILY65559 IVU65559 JFQ65559 JPM65559 JZI65559 KJE65559 KTA65559 LCW65559 LMS65559 LWO65559 MGK65559 MQG65559 NAC65559 NJY65559 NTU65559 ODQ65559 ONM65559 OXI65559 PHE65559 PRA65559 QAW65559 QKS65559 QUO65559 REK65559 ROG65559 RYC65559 SHY65559 SRU65559 TBQ65559 TLM65559 TVI65559 UFE65559 UPA65559 UYW65559 VIS65559 VSO65559 WCK65559 WMG65559 WWC65559 U131095 JQ131095 TM131095 ADI131095 ANE131095 AXA131095 BGW131095 BQS131095 CAO131095 CKK131095 CUG131095 DEC131095 DNY131095 DXU131095 EHQ131095 ERM131095 FBI131095 FLE131095 FVA131095 GEW131095 GOS131095 GYO131095 HIK131095 HSG131095 ICC131095 ILY131095 IVU131095 JFQ131095 JPM131095 JZI131095 KJE131095 KTA131095 LCW131095 LMS131095 LWO131095 MGK131095 MQG131095 NAC131095 NJY131095 NTU131095 ODQ131095 ONM131095 OXI131095 PHE131095 PRA131095 QAW131095 QKS131095 QUO131095 REK131095 ROG131095 RYC131095 SHY131095 SRU131095 TBQ131095 TLM131095 TVI131095 UFE131095 UPA131095 UYW131095 VIS131095 VSO131095 WCK131095 WMG131095 WWC131095 U196631 JQ196631 TM196631 ADI196631 ANE196631 AXA196631 BGW196631 BQS196631 CAO196631 CKK196631 CUG196631 DEC196631 DNY196631 DXU196631 EHQ196631 ERM196631 FBI196631 FLE196631 FVA196631 GEW196631 GOS196631 GYO196631 HIK196631 HSG196631 ICC196631 ILY196631 IVU196631 JFQ196631 JPM196631 JZI196631 KJE196631 KTA196631 LCW196631 LMS196631 LWO196631 MGK196631 MQG196631 NAC196631 NJY196631 NTU196631 ODQ196631 ONM196631 OXI196631 PHE196631 PRA196631 QAW196631 QKS196631 QUO196631 REK196631 ROG196631 RYC196631 SHY196631 SRU196631 TBQ196631 TLM196631 TVI196631 UFE196631 UPA196631 UYW196631 VIS196631 VSO196631 WCK196631 WMG196631 WWC196631 U262167 JQ262167 TM262167 ADI262167 ANE262167 AXA262167 BGW262167 BQS262167 CAO262167 CKK262167 CUG262167 DEC262167 DNY262167 DXU262167 EHQ262167 ERM262167 FBI262167 FLE262167 FVA262167 GEW262167 GOS262167 GYO262167 HIK262167 HSG262167 ICC262167 ILY262167 IVU262167 JFQ262167 JPM262167 JZI262167 KJE262167 KTA262167 LCW262167 LMS262167 LWO262167 MGK262167 MQG262167 NAC262167 NJY262167 NTU262167 ODQ262167 ONM262167 OXI262167 PHE262167 PRA262167 QAW262167 QKS262167 QUO262167 REK262167 ROG262167 RYC262167 SHY262167 SRU262167 TBQ262167 TLM262167 TVI262167 UFE262167 UPA262167 UYW262167 VIS262167 VSO262167 WCK262167 WMG262167 WWC262167 U327703 JQ327703 TM327703 ADI327703 ANE327703 AXA327703 BGW327703 BQS327703 CAO327703 CKK327703 CUG327703 DEC327703 DNY327703 DXU327703 EHQ327703 ERM327703 FBI327703 FLE327703 FVA327703 GEW327703 GOS327703 GYO327703 HIK327703 HSG327703 ICC327703 ILY327703 IVU327703 JFQ327703 JPM327703 JZI327703 KJE327703 KTA327703 LCW327703 LMS327703 LWO327703 MGK327703 MQG327703 NAC327703 NJY327703 NTU327703 ODQ327703 ONM327703 OXI327703 PHE327703 PRA327703 QAW327703 QKS327703 QUO327703 REK327703 ROG327703 RYC327703 SHY327703 SRU327703 TBQ327703 TLM327703 TVI327703 UFE327703 UPA327703 UYW327703 VIS327703 VSO327703 WCK327703 WMG327703 WWC327703 U393239 JQ393239 TM393239 ADI393239 ANE393239 AXA393239 BGW393239 BQS393239 CAO393239 CKK393239 CUG393239 DEC393239 DNY393239 DXU393239 EHQ393239 ERM393239 FBI393239 FLE393239 FVA393239 GEW393239 GOS393239 GYO393239 HIK393239 HSG393239 ICC393239 ILY393239 IVU393239 JFQ393239 JPM393239 JZI393239 KJE393239 KTA393239 LCW393239 LMS393239 LWO393239 MGK393239 MQG393239 NAC393239 NJY393239 NTU393239 ODQ393239 ONM393239 OXI393239 PHE393239 PRA393239 QAW393239 QKS393239 QUO393239 REK393239 ROG393239 RYC393239 SHY393239 SRU393239 TBQ393239 TLM393239 TVI393239 UFE393239 UPA393239 UYW393239 VIS393239 VSO393239 WCK393239 WMG393239 WWC393239 U458775 JQ458775 TM458775 ADI458775 ANE458775 AXA458775 BGW458775 BQS458775 CAO458775 CKK458775 CUG458775 DEC458775 DNY458775 DXU458775 EHQ458775 ERM458775 FBI458775 FLE458775 FVA458775 GEW458775 GOS458775 GYO458775 HIK458775 HSG458775 ICC458775 ILY458775 IVU458775 JFQ458775 JPM458775 JZI458775 KJE458775 KTA458775 LCW458775 LMS458775 LWO458775 MGK458775 MQG458775 NAC458775 NJY458775 NTU458775 ODQ458775 ONM458775 OXI458775 PHE458775 PRA458775 QAW458775 QKS458775 QUO458775 REK458775 ROG458775 RYC458775 SHY458775 SRU458775 TBQ458775 TLM458775 TVI458775 UFE458775 UPA458775 UYW458775 VIS458775 VSO458775 WCK458775 WMG458775 WWC458775 U524311 JQ524311 TM524311 ADI524311 ANE524311 AXA524311 BGW524311 BQS524311 CAO524311 CKK524311 CUG524311 DEC524311 DNY524311 DXU524311 EHQ524311 ERM524311 FBI524311 FLE524311 FVA524311 GEW524311 GOS524311 GYO524311 HIK524311 HSG524311 ICC524311 ILY524311 IVU524311 JFQ524311 JPM524311 JZI524311 KJE524311 KTA524311 LCW524311 LMS524311 LWO524311 MGK524311 MQG524311 NAC524311 NJY524311 NTU524311 ODQ524311 ONM524311 OXI524311 PHE524311 PRA524311 QAW524311 QKS524311 QUO524311 REK524311 ROG524311 RYC524311 SHY524311 SRU524311 TBQ524311 TLM524311 TVI524311 UFE524311 UPA524311 UYW524311 VIS524311 VSO524311 WCK524311 WMG524311 WWC524311 U589847 JQ589847 TM589847 ADI589847 ANE589847 AXA589847 BGW589847 BQS589847 CAO589847 CKK589847 CUG589847 DEC589847 DNY589847 DXU589847 EHQ589847 ERM589847 FBI589847 FLE589847 FVA589847 GEW589847 GOS589847 GYO589847 HIK589847 HSG589847 ICC589847 ILY589847 IVU589847 JFQ589847 JPM589847 JZI589847 KJE589847 KTA589847 LCW589847 LMS589847 LWO589847 MGK589847 MQG589847 NAC589847 NJY589847 NTU589847 ODQ589847 ONM589847 OXI589847 PHE589847 PRA589847 QAW589847 QKS589847 QUO589847 REK589847 ROG589847 RYC589847 SHY589847 SRU589847 TBQ589847 TLM589847 TVI589847 UFE589847 UPA589847 UYW589847 VIS589847 VSO589847 WCK589847 WMG589847 WWC589847 U655383 JQ655383 TM655383 ADI655383 ANE655383 AXA655383 BGW655383 BQS655383 CAO655383 CKK655383 CUG655383 DEC655383 DNY655383 DXU655383 EHQ655383 ERM655383 FBI655383 FLE655383 FVA655383 GEW655383 GOS655383 GYO655383 HIK655383 HSG655383 ICC655383 ILY655383 IVU655383 JFQ655383 JPM655383 JZI655383 KJE655383 KTA655383 LCW655383 LMS655383 LWO655383 MGK655383 MQG655383 NAC655383 NJY655383 NTU655383 ODQ655383 ONM655383 OXI655383 PHE655383 PRA655383 QAW655383 QKS655383 QUO655383 REK655383 ROG655383 RYC655383 SHY655383 SRU655383 TBQ655383 TLM655383 TVI655383 UFE655383 UPA655383 UYW655383 VIS655383 VSO655383 WCK655383 WMG655383 WWC655383 U720919 JQ720919 TM720919 ADI720919 ANE720919 AXA720919 BGW720919 BQS720919 CAO720919 CKK720919 CUG720919 DEC720919 DNY720919 DXU720919 EHQ720919 ERM720919 FBI720919 FLE720919 FVA720919 GEW720919 GOS720919 GYO720919 HIK720919 HSG720919 ICC720919 ILY720919 IVU720919 JFQ720919 JPM720919 JZI720919 KJE720919 KTA720919 LCW720919 LMS720919 LWO720919 MGK720919 MQG720919 NAC720919 NJY720919 NTU720919 ODQ720919 ONM720919 OXI720919 PHE720919 PRA720919 QAW720919 QKS720919 QUO720919 REK720919 ROG720919 RYC720919 SHY720919 SRU720919 TBQ720919 TLM720919 TVI720919 UFE720919 UPA720919 UYW720919 VIS720919 VSO720919 WCK720919 WMG720919 WWC720919 U786455 JQ786455 TM786455 ADI786455 ANE786455 AXA786455 BGW786455 BQS786455 CAO786455 CKK786455 CUG786455 DEC786455 DNY786455 DXU786455 EHQ786455 ERM786455 FBI786455 FLE786455 FVA786455 GEW786455 GOS786455 GYO786455 HIK786455 HSG786455 ICC786455 ILY786455 IVU786455 JFQ786455 JPM786455 JZI786455 KJE786455 KTA786455 LCW786455 LMS786455 LWO786455 MGK786455 MQG786455 NAC786455 NJY786455 NTU786455 ODQ786455 ONM786455 OXI786455 PHE786455 PRA786455 QAW786455 QKS786455 QUO786455 REK786455 ROG786455 RYC786455 SHY786455 SRU786455 TBQ786455 TLM786455 TVI786455 UFE786455 UPA786455 UYW786455 VIS786455 VSO786455 WCK786455 WMG786455 WWC786455 U851991 JQ851991 TM851991 ADI851991 ANE851991 AXA851991 BGW851991 BQS851991 CAO851991 CKK851991 CUG851991 DEC851991 DNY851991 DXU851991 EHQ851991 ERM851991 FBI851991 FLE851991 FVA851991 GEW851991 GOS851991 GYO851991 HIK851991 HSG851991 ICC851991 ILY851991 IVU851991 JFQ851991 JPM851991 JZI851991 KJE851991 KTA851991 LCW851991 LMS851991 LWO851991 MGK851991 MQG851991 NAC851991 NJY851991 NTU851991 ODQ851991 ONM851991 OXI851991 PHE851991 PRA851991 QAW851991 QKS851991 QUO851991 REK851991 ROG851991 RYC851991 SHY851991 SRU851991 TBQ851991 TLM851991 TVI851991 UFE851991 UPA851991 UYW851991 VIS851991 VSO851991 WCK851991 WMG851991 WWC851991 U917527 JQ917527 TM917527 ADI917527 ANE917527 AXA917527 BGW917527 BQS917527 CAO917527 CKK917527 CUG917527 DEC917527 DNY917527 DXU917527 EHQ917527 ERM917527 FBI917527 FLE917527 FVA917527 GEW917527 GOS917527 GYO917527 HIK917527 HSG917527 ICC917527 ILY917527 IVU917527 JFQ917527 JPM917527 JZI917527 KJE917527 KTA917527 LCW917527 LMS917527 LWO917527 MGK917527 MQG917527 NAC917527 NJY917527 NTU917527 ODQ917527 ONM917527 OXI917527 PHE917527 PRA917527 QAW917527 QKS917527 QUO917527 REK917527 ROG917527 RYC917527 SHY917527 SRU917527 TBQ917527 TLM917527 TVI917527 UFE917527 UPA917527 UYW917527 VIS917527 VSO917527 WCK917527 WMG917527 WWC917527 U983063 JQ983063 TM983063 ADI983063 ANE983063 AXA983063 BGW983063 BQS983063 CAO983063 CKK983063 CUG983063 DEC983063 DNY983063 DXU983063 EHQ983063 ERM983063 FBI983063 FLE983063 FVA983063 GEW983063 GOS983063 GYO983063 HIK983063 HSG983063 ICC983063 ILY983063 IVU983063 JFQ983063 JPM983063 JZI983063 KJE983063 KTA983063 LCW983063 LMS983063 LWO983063 MGK983063 MQG983063 NAC983063 NJY983063 NTU983063 ODQ983063 ONM983063 OXI983063 PHE983063 PRA983063 QAW983063 QKS983063 QUO983063 REK983063 ROG983063 RYC983063 SHY983063 SRU983063 TBQ983063 TLM983063 TVI983063 UFE983063 UPA983063 UYW983063 VIS983063 VSO983063 WCK983063 WMG983063 WWC983063 I24:I34 JE24:JE34 TA24:TA34 ACW24:ACW34 AMS24:AMS34 AWO24:AWO34 BGK24:BGK34 BQG24:BQG34 CAC24:CAC34 CJY24:CJY34 CTU24:CTU34 DDQ24:DDQ34 DNM24:DNM34 DXI24:DXI34 EHE24:EHE34 ERA24:ERA34 FAW24:FAW34 FKS24:FKS34 FUO24:FUO34 GEK24:GEK34 GOG24:GOG34 GYC24:GYC34 HHY24:HHY34 HRU24:HRU34 IBQ24:IBQ34 ILM24:ILM34 IVI24:IVI34 JFE24:JFE34 JPA24:JPA34 JYW24:JYW34 KIS24:KIS34 KSO24:KSO34 LCK24:LCK34 LMG24:LMG34 LWC24:LWC34 MFY24:MFY34 MPU24:MPU34 MZQ24:MZQ34 NJM24:NJM34 NTI24:NTI34 ODE24:ODE34 ONA24:ONA34 OWW24:OWW34 PGS24:PGS34 PQO24:PQO34 QAK24:QAK34 QKG24:QKG34 QUC24:QUC34 RDY24:RDY34 RNU24:RNU34 RXQ24:RXQ34 SHM24:SHM34 SRI24:SRI34 TBE24:TBE34 TLA24:TLA34 TUW24:TUW34 UES24:UES34 UOO24:UOO34 UYK24:UYK34 VIG24:VIG34 VSC24:VSC34 WBY24:WBY34 WLU24:WLU34 WVQ24:WVQ34 I65560:I65570 JE65560:JE65570 TA65560:TA65570 ACW65560:ACW65570 AMS65560:AMS65570 AWO65560:AWO65570 BGK65560:BGK65570 BQG65560:BQG65570 CAC65560:CAC65570 CJY65560:CJY65570 CTU65560:CTU65570 DDQ65560:DDQ65570 DNM65560:DNM65570 DXI65560:DXI65570 EHE65560:EHE65570 ERA65560:ERA65570 FAW65560:FAW65570 FKS65560:FKS65570 FUO65560:FUO65570 GEK65560:GEK65570 GOG65560:GOG65570 GYC65560:GYC65570 HHY65560:HHY65570 HRU65560:HRU65570 IBQ65560:IBQ65570 ILM65560:ILM65570 IVI65560:IVI65570 JFE65560:JFE65570 JPA65560:JPA65570 JYW65560:JYW65570 KIS65560:KIS65570 KSO65560:KSO65570 LCK65560:LCK65570 LMG65560:LMG65570 LWC65560:LWC65570 MFY65560:MFY65570 MPU65560:MPU65570 MZQ65560:MZQ65570 NJM65560:NJM65570 NTI65560:NTI65570 ODE65560:ODE65570 ONA65560:ONA65570 OWW65560:OWW65570 PGS65560:PGS65570 PQO65560:PQO65570 QAK65560:QAK65570 QKG65560:QKG65570 QUC65560:QUC65570 RDY65560:RDY65570 RNU65560:RNU65570 RXQ65560:RXQ65570 SHM65560:SHM65570 SRI65560:SRI65570 TBE65560:TBE65570 TLA65560:TLA65570 TUW65560:TUW65570 UES65560:UES65570 UOO65560:UOO65570 UYK65560:UYK65570 VIG65560:VIG65570 VSC65560:VSC65570 WBY65560:WBY65570 WLU65560:WLU65570 WVQ65560:WVQ65570 I131096:I131106 JE131096:JE131106 TA131096:TA131106 ACW131096:ACW131106 AMS131096:AMS131106 AWO131096:AWO131106 BGK131096:BGK131106 BQG131096:BQG131106 CAC131096:CAC131106 CJY131096:CJY131106 CTU131096:CTU131106 DDQ131096:DDQ131106 DNM131096:DNM131106 DXI131096:DXI131106 EHE131096:EHE131106 ERA131096:ERA131106 FAW131096:FAW131106 FKS131096:FKS131106 FUO131096:FUO131106 GEK131096:GEK131106 GOG131096:GOG131106 GYC131096:GYC131106 HHY131096:HHY131106 HRU131096:HRU131106 IBQ131096:IBQ131106 ILM131096:ILM131106 IVI131096:IVI131106 JFE131096:JFE131106 JPA131096:JPA131106 JYW131096:JYW131106 KIS131096:KIS131106 KSO131096:KSO131106 LCK131096:LCK131106 LMG131096:LMG131106 LWC131096:LWC131106 MFY131096:MFY131106 MPU131096:MPU131106 MZQ131096:MZQ131106 NJM131096:NJM131106 NTI131096:NTI131106 ODE131096:ODE131106 ONA131096:ONA131106 OWW131096:OWW131106 PGS131096:PGS131106 PQO131096:PQO131106 QAK131096:QAK131106 QKG131096:QKG131106 QUC131096:QUC131106 RDY131096:RDY131106 RNU131096:RNU131106 RXQ131096:RXQ131106 SHM131096:SHM131106 SRI131096:SRI131106 TBE131096:TBE131106 TLA131096:TLA131106 TUW131096:TUW131106 UES131096:UES131106 UOO131096:UOO131106 UYK131096:UYK131106 VIG131096:VIG131106 VSC131096:VSC131106 WBY131096:WBY131106 WLU131096:WLU131106 WVQ131096:WVQ131106 I196632:I196642 JE196632:JE196642 TA196632:TA196642 ACW196632:ACW196642 AMS196632:AMS196642 AWO196632:AWO196642 BGK196632:BGK196642 BQG196632:BQG196642 CAC196632:CAC196642 CJY196632:CJY196642 CTU196632:CTU196642 DDQ196632:DDQ196642 DNM196632:DNM196642 DXI196632:DXI196642 EHE196632:EHE196642 ERA196632:ERA196642 FAW196632:FAW196642 FKS196632:FKS196642 FUO196632:FUO196642 GEK196632:GEK196642 GOG196632:GOG196642 GYC196632:GYC196642 HHY196632:HHY196642 HRU196632:HRU196642 IBQ196632:IBQ196642 ILM196632:ILM196642 IVI196632:IVI196642 JFE196632:JFE196642 JPA196632:JPA196642 JYW196632:JYW196642 KIS196632:KIS196642 KSO196632:KSO196642 LCK196632:LCK196642 LMG196632:LMG196642 LWC196632:LWC196642 MFY196632:MFY196642 MPU196632:MPU196642 MZQ196632:MZQ196642 NJM196632:NJM196642 NTI196632:NTI196642 ODE196632:ODE196642 ONA196632:ONA196642 OWW196632:OWW196642 PGS196632:PGS196642 PQO196632:PQO196642 QAK196632:QAK196642 QKG196632:QKG196642 QUC196632:QUC196642 RDY196632:RDY196642 RNU196632:RNU196642 RXQ196632:RXQ196642 SHM196632:SHM196642 SRI196632:SRI196642 TBE196632:TBE196642 TLA196632:TLA196642 TUW196632:TUW196642 UES196632:UES196642 UOO196632:UOO196642 UYK196632:UYK196642 VIG196632:VIG196642 VSC196632:VSC196642 WBY196632:WBY196642 WLU196632:WLU196642 WVQ196632:WVQ196642 I262168:I262178 JE262168:JE262178 TA262168:TA262178 ACW262168:ACW262178 AMS262168:AMS262178 AWO262168:AWO262178 BGK262168:BGK262178 BQG262168:BQG262178 CAC262168:CAC262178 CJY262168:CJY262178 CTU262168:CTU262178 DDQ262168:DDQ262178 DNM262168:DNM262178 DXI262168:DXI262178 EHE262168:EHE262178 ERA262168:ERA262178 FAW262168:FAW262178 FKS262168:FKS262178 FUO262168:FUO262178 GEK262168:GEK262178 GOG262168:GOG262178 GYC262168:GYC262178 HHY262168:HHY262178 HRU262168:HRU262178 IBQ262168:IBQ262178 ILM262168:ILM262178 IVI262168:IVI262178 JFE262168:JFE262178 JPA262168:JPA262178 JYW262168:JYW262178 KIS262168:KIS262178 KSO262168:KSO262178 LCK262168:LCK262178 LMG262168:LMG262178 LWC262168:LWC262178 MFY262168:MFY262178 MPU262168:MPU262178 MZQ262168:MZQ262178 NJM262168:NJM262178 NTI262168:NTI262178 ODE262168:ODE262178 ONA262168:ONA262178 OWW262168:OWW262178 PGS262168:PGS262178 PQO262168:PQO262178 QAK262168:QAK262178 QKG262168:QKG262178 QUC262168:QUC262178 RDY262168:RDY262178 RNU262168:RNU262178 RXQ262168:RXQ262178 SHM262168:SHM262178 SRI262168:SRI262178 TBE262168:TBE262178 TLA262168:TLA262178 TUW262168:TUW262178 UES262168:UES262178 UOO262168:UOO262178 UYK262168:UYK262178 VIG262168:VIG262178 VSC262168:VSC262178 WBY262168:WBY262178 WLU262168:WLU262178 WVQ262168:WVQ262178 I327704:I327714 JE327704:JE327714 TA327704:TA327714 ACW327704:ACW327714 AMS327704:AMS327714 AWO327704:AWO327714 BGK327704:BGK327714 BQG327704:BQG327714 CAC327704:CAC327714 CJY327704:CJY327714 CTU327704:CTU327714 DDQ327704:DDQ327714 DNM327704:DNM327714 DXI327704:DXI327714 EHE327704:EHE327714 ERA327704:ERA327714 FAW327704:FAW327714 FKS327704:FKS327714 FUO327704:FUO327714 GEK327704:GEK327714 GOG327704:GOG327714 GYC327704:GYC327714 HHY327704:HHY327714 HRU327704:HRU327714 IBQ327704:IBQ327714 ILM327704:ILM327714 IVI327704:IVI327714 JFE327704:JFE327714 JPA327704:JPA327714 JYW327704:JYW327714 KIS327704:KIS327714 KSO327704:KSO327714 LCK327704:LCK327714 LMG327704:LMG327714 LWC327704:LWC327714 MFY327704:MFY327714 MPU327704:MPU327714 MZQ327704:MZQ327714 NJM327704:NJM327714 NTI327704:NTI327714 ODE327704:ODE327714 ONA327704:ONA327714 OWW327704:OWW327714 PGS327704:PGS327714 PQO327704:PQO327714 QAK327704:QAK327714 QKG327704:QKG327714 QUC327704:QUC327714 RDY327704:RDY327714 RNU327704:RNU327714 RXQ327704:RXQ327714 SHM327704:SHM327714 SRI327704:SRI327714 TBE327704:TBE327714 TLA327704:TLA327714 TUW327704:TUW327714 UES327704:UES327714 UOO327704:UOO327714 UYK327704:UYK327714 VIG327704:VIG327714 VSC327704:VSC327714 WBY327704:WBY327714 WLU327704:WLU327714 WVQ327704:WVQ327714 I393240:I393250 JE393240:JE393250 TA393240:TA393250 ACW393240:ACW393250 AMS393240:AMS393250 AWO393240:AWO393250 BGK393240:BGK393250 BQG393240:BQG393250 CAC393240:CAC393250 CJY393240:CJY393250 CTU393240:CTU393250 DDQ393240:DDQ393250 DNM393240:DNM393250 DXI393240:DXI393250 EHE393240:EHE393250 ERA393240:ERA393250 FAW393240:FAW393250 FKS393240:FKS393250 FUO393240:FUO393250 GEK393240:GEK393250 GOG393240:GOG393250 GYC393240:GYC393250 HHY393240:HHY393250 HRU393240:HRU393250 IBQ393240:IBQ393250 ILM393240:ILM393250 IVI393240:IVI393250 JFE393240:JFE393250 JPA393240:JPA393250 JYW393240:JYW393250 KIS393240:KIS393250 KSO393240:KSO393250 LCK393240:LCK393250 LMG393240:LMG393250 LWC393240:LWC393250 MFY393240:MFY393250 MPU393240:MPU393250 MZQ393240:MZQ393250 NJM393240:NJM393250 NTI393240:NTI393250 ODE393240:ODE393250 ONA393240:ONA393250 OWW393240:OWW393250 PGS393240:PGS393250 PQO393240:PQO393250 QAK393240:QAK393250 QKG393240:QKG393250 QUC393240:QUC393250 RDY393240:RDY393250 RNU393240:RNU393250 RXQ393240:RXQ393250 SHM393240:SHM393250 SRI393240:SRI393250 TBE393240:TBE393250 TLA393240:TLA393250 TUW393240:TUW393250 UES393240:UES393250 UOO393240:UOO393250 UYK393240:UYK393250 VIG393240:VIG393250 VSC393240:VSC393250 WBY393240:WBY393250 WLU393240:WLU393250 WVQ393240:WVQ393250 I458776:I458786 JE458776:JE458786 TA458776:TA458786 ACW458776:ACW458786 AMS458776:AMS458786 AWO458776:AWO458786 BGK458776:BGK458786 BQG458776:BQG458786 CAC458776:CAC458786 CJY458776:CJY458786 CTU458776:CTU458786 DDQ458776:DDQ458786 DNM458776:DNM458786 DXI458776:DXI458786 EHE458776:EHE458786 ERA458776:ERA458786 FAW458776:FAW458786 FKS458776:FKS458786 FUO458776:FUO458786 GEK458776:GEK458786 GOG458776:GOG458786 GYC458776:GYC458786 HHY458776:HHY458786 HRU458776:HRU458786 IBQ458776:IBQ458786 ILM458776:ILM458786 IVI458776:IVI458786 JFE458776:JFE458786 JPA458776:JPA458786 JYW458776:JYW458786 KIS458776:KIS458786 KSO458776:KSO458786 LCK458776:LCK458786 LMG458776:LMG458786 LWC458776:LWC458786 MFY458776:MFY458786 MPU458776:MPU458786 MZQ458776:MZQ458786 NJM458776:NJM458786 NTI458776:NTI458786 ODE458776:ODE458786 ONA458776:ONA458786 OWW458776:OWW458786 PGS458776:PGS458786 PQO458776:PQO458786 QAK458776:QAK458786 QKG458776:QKG458786 QUC458776:QUC458786 RDY458776:RDY458786 RNU458776:RNU458786 RXQ458776:RXQ458786 SHM458776:SHM458786 SRI458776:SRI458786 TBE458776:TBE458786 TLA458776:TLA458786 TUW458776:TUW458786 UES458776:UES458786 UOO458776:UOO458786 UYK458776:UYK458786 VIG458776:VIG458786 VSC458776:VSC458786 WBY458776:WBY458786 WLU458776:WLU458786 WVQ458776:WVQ458786 I524312:I524322 JE524312:JE524322 TA524312:TA524322 ACW524312:ACW524322 AMS524312:AMS524322 AWO524312:AWO524322 BGK524312:BGK524322 BQG524312:BQG524322 CAC524312:CAC524322 CJY524312:CJY524322 CTU524312:CTU524322 DDQ524312:DDQ524322 DNM524312:DNM524322 DXI524312:DXI524322 EHE524312:EHE524322 ERA524312:ERA524322 FAW524312:FAW524322 FKS524312:FKS524322 FUO524312:FUO524322 GEK524312:GEK524322 GOG524312:GOG524322 GYC524312:GYC524322 HHY524312:HHY524322 HRU524312:HRU524322 IBQ524312:IBQ524322 ILM524312:ILM524322 IVI524312:IVI524322 JFE524312:JFE524322 JPA524312:JPA524322 JYW524312:JYW524322 KIS524312:KIS524322 KSO524312:KSO524322 LCK524312:LCK524322 LMG524312:LMG524322 LWC524312:LWC524322 MFY524312:MFY524322 MPU524312:MPU524322 MZQ524312:MZQ524322 NJM524312:NJM524322 NTI524312:NTI524322 ODE524312:ODE524322 ONA524312:ONA524322 OWW524312:OWW524322 PGS524312:PGS524322 PQO524312:PQO524322 QAK524312:QAK524322 QKG524312:QKG524322 QUC524312:QUC524322 RDY524312:RDY524322 RNU524312:RNU524322 RXQ524312:RXQ524322 SHM524312:SHM524322 SRI524312:SRI524322 TBE524312:TBE524322 TLA524312:TLA524322 TUW524312:TUW524322 UES524312:UES524322 UOO524312:UOO524322 UYK524312:UYK524322 VIG524312:VIG524322 VSC524312:VSC524322 WBY524312:WBY524322 WLU524312:WLU524322 WVQ524312:WVQ524322 I589848:I589858 JE589848:JE589858 TA589848:TA589858 ACW589848:ACW589858 AMS589848:AMS589858 AWO589848:AWO589858 BGK589848:BGK589858 BQG589848:BQG589858 CAC589848:CAC589858 CJY589848:CJY589858 CTU589848:CTU589858 DDQ589848:DDQ589858 DNM589848:DNM589858 DXI589848:DXI589858 EHE589848:EHE589858 ERA589848:ERA589858 FAW589848:FAW589858 FKS589848:FKS589858 FUO589848:FUO589858 GEK589848:GEK589858 GOG589848:GOG589858 GYC589848:GYC589858 HHY589848:HHY589858 HRU589848:HRU589858 IBQ589848:IBQ589858 ILM589848:ILM589858 IVI589848:IVI589858 JFE589848:JFE589858 JPA589848:JPA589858 JYW589848:JYW589858 KIS589848:KIS589858 KSO589848:KSO589858 LCK589848:LCK589858 LMG589848:LMG589858 LWC589848:LWC589858 MFY589848:MFY589858 MPU589848:MPU589858 MZQ589848:MZQ589858 NJM589848:NJM589858 NTI589848:NTI589858 ODE589848:ODE589858 ONA589848:ONA589858 OWW589848:OWW589858 PGS589848:PGS589858 PQO589848:PQO589858 QAK589848:QAK589858 QKG589848:QKG589858 QUC589848:QUC589858 RDY589848:RDY589858 RNU589848:RNU589858 RXQ589848:RXQ589858 SHM589848:SHM589858 SRI589848:SRI589858 TBE589848:TBE589858 TLA589848:TLA589858 TUW589848:TUW589858 UES589848:UES589858 UOO589848:UOO589858 UYK589848:UYK589858 VIG589848:VIG589858 VSC589848:VSC589858 WBY589848:WBY589858 WLU589848:WLU589858 WVQ589848:WVQ589858 I655384:I655394 JE655384:JE655394 TA655384:TA655394 ACW655384:ACW655394 AMS655384:AMS655394 AWO655384:AWO655394 BGK655384:BGK655394 BQG655384:BQG655394 CAC655384:CAC655394 CJY655384:CJY655394 CTU655384:CTU655394 DDQ655384:DDQ655394 DNM655384:DNM655394 DXI655384:DXI655394 EHE655384:EHE655394 ERA655384:ERA655394 FAW655384:FAW655394 FKS655384:FKS655394 FUO655384:FUO655394 GEK655384:GEK655394 GOG655384:GOG655394 GYC655384:GYC655394 HHY655384:HHY655394 HRU655384:HRU655394 IBQ655384:IBQ655394 ILM655384:ILM655394 IVI655384:IVI655394 JFE655384:JFE655394 JPA655384:JPA655394 JYW655384:JYW655394 KIS655384:KIS655394 KSO655384:KSO655394 LCK655384:LCK655394 LMG655384:LMG655394 LWC655384:LWC655394 MFY655384:MFY655394 MPU655384:MPU655394 MZQ655384:MZQ655394 NJM655384:NJM655394 NTI655384:NTI655394 ODE655384:ODE655394 ONA655384:ONA655394 OWW655384:OWW655394 PGS655384:PGS655394 PQO655384:PQO655394 QAK655384:QAK655394 QKG655384:QKG655394 QUC655384:QUC655394 RDY655384:RDY655394 RNU655384:RNU655394 RXQ655384:RXQ655394 SHM655384:SHM655394 SRI655384:SRI655394 TBE655384:TBE655394 TLA655384:TLA655394 TUW655384:TUW655394 UES655384:UES655394 UOO655384:UOO655394 UYK655384:UYK655394 VIG655384:VIG655394 VSC655384:VSC655394 WBY655384:WBY655394 WLU655384:WLU655394 WVQ655384:WVQ655394 I720920:I720930 JE720920:JE720930 TA720920:TA720930 ACW720920:ACW720930 AMS720920:AMS720930 AWO720920:AWO720930 BGK720920:BGK720930 BQG720920:BQG720930 CAC720920:CAC720930 CJY720920:CJY720930 CTU720920:CTU720930 DDQ720920:DDQ720930 DNM720920:DNM720930 DXI720920:DXI720930 EHE720920:EHE720930 ERA720920:ERA720930 FAW720920:FAW720930 FKS720920:FKS720930 FUO720920:FUO720930 GEK720920:GEK720930 GOG720920:GOG720930 GYC720920:GYC720930 HHY720920:HHY720930 HRU720920:HRU720930 IBQ720920:IBQ720930 ILM720920:ILM720930 IVI720920:IVI720930 JFE720920:JFE720930 JPA720920:JPA720930 JYW720920:JYW720930 KIS720920:KIS720930 KSO720920:KSO720930 LCK720920:LCK720930 LMG720920:LMG720930 LWC720920:LWC720930 MFY720920:MFY720930 MPU720920:MPU720930 MZQ720920:MZQ720930 NJM720920:NJM720930 NTI720920:NTI720930 ODE720920:ODE720930 ONA720920:ONA720930 OWW720920:OWW720930 PGS720920:PGS720930 PQO720920:PQO720930 QAK720920:QAK720930 QKG720920:QKG720930 QUC720920:QUC720930 RDY720920:RDY720930 RNU720920:RNU720930 RXQ720920:RXQ720930 SHM720920:SHM720930 SRI720920:SRI720930 TBE720920:TBE720930 TLA720920:TLA720930 TUW720920:TUW720930 UES720920:UES720930 UOO720920:UOO720930 UYK720920:UYK720930 VIG720920:VIG720930 VSC720920:VSC720930 WBY720920:WBY720930 WLU720920:WLU720930 WVQ720920:WVQ720930 I786456:I786466 JE786456:JE786466 TA786456:TA786466 ACW786456:ACW786466 AMS786456:AMS786466 AWO786456:AWO786466 BGK786456:BGK786466 BQG786456:BQG786466 CAC786456:CAC786466 CJY786456:CJY786466 CTU786456:CTU786466 DDQ786456:DDQ786466 DNM786456:DNM786466 DXI786456:DXI786466 EHE786456:EHE786466 ERA786456:ERA786466 FAW786456:FAW786466 FKS786456:FKS786466 FUO786456:FUO786466 GEK786456:GEK786466 GOG786456:GOG786466 GYC786456:GYC786466 HHY786456:HHY786466 HRU786456:HRU786466 IBQ786456:IBQ786466 ILM786456:ILM786466 IVI786456:IVI786466 JFE786456:JFE786466 JPA786456:JPA786466 JYW786456:JYW786466 KIS786456:KIS786466 KSO786456:KSO786466 LCK786456:LCK786466 LMG786456:LMG786466 LWC786456:LWC786466 MFY786456:MFY786466 MPU786456:MPU786466 MZQ786456:MZQ786466 NJM786456:NJM786466 NTI786456:NTI786466 ODE786456:ODE786466 ONA786456:ONA786466 OWW786456:OWW786466 PGS786456:PGS786466 PQO786456:PQO786466 QAK786456:QAK786466 QKG786456:QKG786466 QUC786456:QUC786466 RDY786456:RDY786466 RNU786456:RNU786466 RXQ786456:RXQ786466 SHM786456:SHM786466 SRI786456:SRI786466 TBE786456:TBE786466 TLA786456:TLA786466 TUW786456:TUW786466 UES786456:UES786466 UOO786456:UOO786466 UYK786456:UYK786466 VIG786456:VIG786466 VSC786456:VSC786466 WBY786456:WBY786466 WLU786456:WLU786466 WVQ786456:WVQ786466 I851992:I852002 JE851992:JE852002 TA851992:TA852002 ACW851992:ACW852002 AMS851992:AMS852002 AWO851992:AWO852002 BGK851992:BGK852002 BQG851992:BQG852002 CAC851992:CAC852002 CJY851992:CJY852002 CTU851992:CTU852002 DDQ851992:DDQ852002 DNM851992:DNM852002 DXI851992:DXI852002 EHE851992:EHE852002 ERA851992:ERA852002 FAW851992:FAW852002 FKS851992:FKS852002 FUO851992:FUO852002 GEK851992:GEK852002 GOG851992:GOG852002 GYC851992:GYC852002 HHY851992:HHY852002 HRU851992:HRU852002 IBQ851992:IBQ852002 ILM851992:ILM852002 IVI851992:IVI852002 JFE851992:JFE852002 JPA851992:JPA852002 JYW851992:JYW852002 KIS851992:KIS852002 KSO851992:KSO852002 LCK851992:LCK852002 LMG851992:LMG852002 LWC851992:LWC852002 MFY851992:MFY852002 MPU851992:MPU852002 MZQ851992:MZQ852002 NJM851992:NJM852002 NTI851992:NTI852002 ODE851992:ODE852002 ONA851992:ONA852002 OWW851992:OWW852002 PGS851992:PGS852002 PQO851992:PQO852002 QAK851992:QAK852002 QKG851992:QKG852002 QUC851992:QUC852002 RDY851992:RDY852002 RNU851992:RNU852002 RXQ851992:RXQ852002 SHM851992:SHM852002 SRI851992:SRI852002 TBE851992:TBE852002 TLA851992:TLA852002 TUW851992:TUW852002 UES851992:UES852002 UOO851992:UOO852002 UYK851992:UYK852002 VIG851992:VIG852002 VSC851992:VSC852002 WBY851992:WBY852002 WLU851992:WLU852002 WVQ851992:WVQ852002 I917528:I917538 JE917528:JE917538 TA917528:TA917538 ACW917528:ACW917538 AMS917528:AMS917538 AWO917528:AWO917538 BGK917528:BGK917538 BQG917528:BQG917538 CAC917528:CAC917538 CJY917528:CJY917538 CTU917528:CTU917538 DDQ917528:DDQ917538 DNM917528:DNM917538 DXI917528:DXI917538 EHE917528:EHE917538 ERA917528:ERA917538 FAW917528:FAW917538 FKS917528:FKS917538 FUO917528:FUO917538 GEK917528:GEK917538 GOG917528:GOG917538 GYC917528:GYC917538 HHY917528:HHY917538 HRU917528:HRU917538 IBQ917528:IBQ917538 ILM917528:ILM917538 IVI917528:IVI917538 JFE917528:JFE917538 JPA917528:JPA917538 JYW917528:JYW917538 KIS917528:KIS917538 KSO917528:KSO917538 LCK917528:LCK917538 LMG917528:LMG917538 LWC917528:LWC917538 MFY917528:MFY917538 MPU917528:MPU917538 MZQ917528:MZQ917538 NJM917528:NJM917538 NTI917528:NTI917538 ODE917528:ODE917538 ONA917528:ONA917538 OWW917528:OWW917538 PGS917528:PGS917538 PQO917528:PQO917538 QAK917528:QAK917538 QKG917528:QKG917538 QUC917528:QUC917538 RDY917528:RDY917538 RNU917528:RNU917538 RXQ917528:RXQ917538 SHM917528:SHM917538 SRI917528:SRI917538 TBE917528:TBE917538 TLA917528:TLA917538 TUW917528:TUW917538 UES917528:UES917538 UOO917528:UOO917538 UYK917528:UYK917538 VIG917528:VIG917538 VSC917528:VSC917538 WBY917528:WBY917538 WLU917528:WLU917538 WVQ917528:WVQ917538 I983064:I983074 JE983064:JE983074 TA983064:TA983074 ACW983064:ACW983074 AMS983064:AMS983074 AWO983064:AWO983074 BGK983064:BGK983074 BQG983064:BQG983074 CAC983064:CAC983074 CJY983064:CJY983074 CTU983064:CTU983074 DDQ983064:DDQ983074 DNM983064:DNM983074 DXI983064:DXI983074 EHE983064:EHE983074 ERA983064:ERA983074 FAW983064:FAW983074 FKS983064:FKS983074 FUO983064:FUO983074 GEK983064:GEK983074 GOG983064:GOG983074 GYC983064:GYC983074 HHY983064:HHY983074 HRU983064:HRU983074 IBQ983064:IBQ983074 ILM983064:ILM983074 IVI983064:IVI983074 JFE983064:JFE983074 JPA983064:JPA983074 JYW983064:JYW983074 KIS983064:KIS983074 KSO983064:KSO983074 LCK983064:LCK983074 LMG983064:LMG983074 LWC983064:LWC983074 MFY983064:MFY983074 MPU983064:MPU983074 MZQ983064:MZQ983074 NJM983064:NJM983074 NTI983064:NTI983074 ODE983064:ODE983074 ONA983064:ONA983074 OWW983064:OWW983074 PGS983064:PGS983074 PQO983064:PQO983074 QAK983064:QAK983074 QKG983064:QKG983074 QUC983064:QUC983074 RDY983064:RDY983074 RNU983064:RNU983074 RXQ983064:RXQ983074 SHM983064:SHM983074 SRI983064:SRI983074 TBE983064:TBE983074 TLA983064:TLA983074 TUW983064:TUW983074 UES983064:UES983074 UOO983064:UOO983074 UYK983064:UYK983074 VIG983064:VIG983074 VSC983064:VSC983074 WBY983064:WBY983074 WLU983064:WLU983074 WVQ983064:WVQ983074 M24:M26 JI24:JI26 TE24:TE26 ADA24:ADA26 AMW24:AMW26 AWS24:AWS26 BGO24:BGO26 BQK24:BQK26 CAG24:CAG26 CKC24:CKC26 CTY24:CTY26 DDU24:DDU26 DNQ24:DNQ26 DXM24:DXM26 EHI24:EHI26 ERE24:ERE26 FBA24:FBA26 FKW24:FKW26 FUS24:FUS26 GEO24:GEO26 GOK24:GOK26 GYG24:GYG26 HIC24:HIC26 HRY24:HRY26 IBU24:IBU26 ILQ24:ILQ26 IVM24:IVM26 JFI24:JFI26 JPE24:JPE26 JZA24:JZA26 KIW24:KIW26 KSS24:KSS26 LCO24:LCO26 LMK24:LMK26 LWG24:LWG26 MGC24:MGC26 MPY24:MPY26 MZU24:MZU26 NJQ24:NJQ26 NTM24:NTM26 ODI24:ODI26 ONE24:ONE26 OXA24:OXA26 PGW24:PGW26 PQS24:PQS26 QAO24:QAO26 QKK24:QKK26 QUG24:QUG26 REC24:REC26 RNY24:RNY26 RXU24:RXU26 SHQ24:SHQ26 SRM24:SRM26 TBI24:TBI26 TLE24:TLE26 TVA24:TVA26 UEW24:UEW26 UOS24:UOS26 UYO24:UYO26 VIK24:VIK26 VSG24:VSG26 WCC24:WCC26 WLY24:WLY26 WVU24:WVU26 M65560:M65562 JI65560:JI65562 TE65560:TE65562 ADA65560:ADA65562 AMW65560:AMW65562 AWS65560:AWS65562 BGO65560:BGO65562 BQK65560:BQK65562 CAG65560:CAG65562 CKC65560:CKC65562 CTY65560:CTY65562 DDU65560:DDU65562 DNQ65560:DNQ65562 DXM65560:DXM65562 EHI65560:EHI65562 ERE65560:ERE65562 FBA65560:FBA65562 FKW65560:FKW65562 FUS65560:FUS65562 GEO65560:GEO65562 GOK65560:GOK65562 GYG65560:GYG65562 HIC65560:HIC65562 HRY65560:HRY65562 IBU65560:IBU65562 ILQ65560:ILQ65562 IVM65560:IVM65562 JFI65560:JFI65562 JPE65560:JPE65562 JZA65560:JZA65562 KIW65560:KIW65562 KSS65560:KSS65562 LCO65560:LCO65562 LMK65560:LMK65562 LWG65560:LWG65562 MGC65560:MGC65562 MPY65560:MPY65562 MZU65560:MZU65562 NJQ65560:NJQ65562 NTM65560:NTM65562 ODI65560:ODI65562 ONE65560:ONE65562 OXA65560:OXA65562 PGW65560:PGW65562 PQS65560:PQS65562 QAO65560:QAO65562 QKK65560:QKK65562 QUG65560:QUG65562 REC65560:REC65562 RNY65560:RNY65562 RXU65560:RXU65562 SHQ65560:SHQ65562 SRM65560:SRM65562 TBI65560:TBI65562 TLE65560:TLE65562 TVA65560:TVA65562 UEW65560:UEW65562 UOS65560:UOS65562 UYO65560:UYO65562 VIK65560:VIK65562 VSG65560:VSG65562 WCC65560:WCC65562 WLY65560:WLY65562 WVU65560:WVU65562 M131096:M131098 JI131096:JI131098 TE131096:TE131098 ADA131096:ADA131098 AMW131096:AMW131098 AWS131096:AWS131098 BGO131096:BGO131098 BQK131096:BQK131098 CAG131096:CAG131098 CKC131096:CKC131098 CTY131096:CTY131098 DDU131096:DDU131098 DNQ131096:DNQ131098 DXM131096:DXM131098 EHI131096:EHI131098 ERE131096:ERE131098 FBA131096:FBA131098 FKW131096:FKW131098 FUS131096:FUS131098 GEO131096:GEO131098 GOK131096:GOK131098 GYG131096:GYG131098 HIC131096:HIC131098 HRY131096:HRY131098 IBU131096:IBU131098 ILQ131096:ILQ131098 IVM131096:IVM131098 JFI131096:JFI131098 JPE131096:JPE131098 JZA131096:JZA131098 KIW131096:KIW131098 KSS131096:KSS131098 LCO131096:LCO131098 LMK131096:LMK131098 LWG131096:LWG131098 MGC131096:MGC131098 MPY131096:MPY131098 MZU131096:MZU131098 NJQ131096:NJQ131098 NTM131096:NTM131098 ODI131096:ODI131098 ONE131096:ONE131098 OXA131096:OXA131098 PGW131096:PGW131098 PQS131096:PQS131098 QAO131096:QAO131098 QKK131096:QKK131098 QUG131096:QUG131098 REC131096:REC131098 RNY131096:RNY131098 RXU131096:RXU131098 SHQ131096:SHQ131098 SRM131096:SRM131098 TBI131096:TBI131098 TLE131096:TLE131098 TVA131096:TVA131098 UEW131096:UEW131098 UOS131096:UOS131098 UYO131096:UYO131098 VIK131096:VIK131098 VSG131096:VSG131098 WCC131096:WCC131098 WLY131096:WLY131098 WVU131096:WVU131098 M196632:M196634 JI196632:JI196634 TE196632:TE196634 ADA196632:ADA196634 AMW196632:AMW196634 AWS196632:AWS196634 BGO196632:BGO196634 BQK196632:BQK196634 CAG196632:CAG196634 CKC196632:CKC196634 CTY196632:CTY196634 DDU196632:DDU196634 DNQ196632:DNQ196634 DXM196632:DXM196634 EHI196632:EHI196634 ERE196632:ERE196634 FBA196632:FBA196634 FKW196632:FKW196634 FUS196632:FUS196634 GEO196632:GEO196634 GOK196632:GOK196634 GYG196632:GYG196634 HIC196632:HIC196634 HRY196632:HRY196634 IBU196632:IBU196634 ILQ196632:ILQ196634 IVM196632:IVM196634 JFI196632:JFI196634 JPE196632:JPE196634 JZA196632:JZA196634 KIW196632:KIW196634 KSS196632:KSS196634 LCO196632:LCO196634 LMK196632:LMK196634 LWG196632:LWG196634 MGC196632:MGC196634 MPY196632:MPY196634 MZU196632:MZU196634 NJQ196632:NJQ196634 NTM196632:NTM196634 ODI196632:ODI196634 ONE196632:ONE196634 OXA196632:OXA196634 PGW196632:PGW196634 PQS196632:PQS196634 QAO196632:QAO196634 QKK196632:QKK196634 QUG196632:QUG196634 REC196632:REC196634 RNY196632:RNY196634 RXU196632:RXU196634 SHQ196632:SHQ196634 SRM196632:SRM196634 TBI196632:TBI196634 TLE196632:TLE196634 TVA196632:TVA196634 UEW196632:UEW196634 UOS196632:UOS196634 UYO196632:UYO196634 VIK196632:VIK196634 VSG196632:VSG196634 WCC196632:WCC196634 WLY196632:WLY196634 WVU196632:WVU196634 M262168:M262170 JI262168:JI262170 TE262168:TE262170 ADA262168:ADA262170 AMW262168:AMW262170 AWS262168:AWS262170 BGO262168:BGO262170 BQK262168:BQK262170 CAG262168:CAG262170 CKC262168:CKC262170 CTY262168:CTY262170 DDU262168:DDU262170 DNQ262168:DNQ262170 DXM262168:DXM262170 EHI262168:EHI262170 ERE262168:ERE262170 FBA262168:FBA262170 FKW262168:FKW262170 FUS262168:FUS262170 GEO262168:GEO262170 GOK262168:GOK262170 GYG262168:GYG262170 HIC262168:HIC262170 HRY262168:HRY262170 IBU262168:IBU262170 ILQ262168:ILQ262170 IVM262168:IVM262170 JFI262168:JFI262170 JPE262168:JPE262170 JZA262168:JZA262170 KIW262168:KIW262170 KSS262168:KSS262170 LCO262168:LCO262170 LMK262168:LMK262170 LWG262168:LWG262170 MGC262168:MGC262170 MPY262168:MPY262170 MZU262168:MZU262170 NJQ262168:NJQ262170 NTM262168:NTM262170 ODI262168:ODI262170 ONE262168:ONE262170 OXA262168:OXA262170 PGW262168:PGW262170 PQS262168:PQS262170 QAO262168:QAO262170 QKK262168:QKK262170 QUG262168:QUG262170 REC262168:REC262170 RNY262168:RNY262170 RXU262168:RXU262170 SHQ262168:SHQ262170 SRM262168:SRM262170 TBI262168:TBI262170 TLE262168:TLE262170 TVA262168:TVA262170 UEW262168:UEW262170 UOS262168:UOS262170 UYO262168:UYO262170 VIK262168:VIK262170 VSG262168:VSG262170 WCC262168:WCC262170 WLY262168:WLY262170 WVU262168:WVU262170 M327704:M327706 JI327704:JI327706 TE327704:TE327706 ADA327704:ADA327706 AMW327704:AMW327706 AWS327704:AWS327706 BGO327704:BGO327706 BQK327704:BQK327706 CAG327704:CAG327706 CKC327704:CKC327706 CTY327704:CTY327706 DDU327704:DDU327706 DNQ327704:DNQ327706 DXM327704:DXM327706 EHI327704:EHI327706 ERE327704:ERE327706 FBA327704:FBA327706 FKW327704:FKW327706 FUS327704:FUS327706 GEO327704:GEO327706 GOK327704:GOK327706 GYG327704:GYG327706 HIC327704:HIC327706 HRY327704:HRY327706 IBU327704:IBU327706 ILQ327704:ILQ327706 IVM327704:IVM327706 JFI327704:JFI327706 JPE327704:JPE327706 JZA327704:JZA327706 KIW327704:KIW327706 KSS327704:KSS327706 LCO327704:LCO327706 LMK327704:LMK327706 LWG327704:LWG327706 MGC327704:MGC327706 MPY327704:MPY327706 MZU327704:MZU327706 NJQ327704:NJQ327706 NTM327704:NTM327706 ODI327704:ODI327706 ONE327704:ONE327706 OXA327704:OXA327706 PGW327704:PGW327706 PQS327704:PQS327706 QAO327704:QAO327706 QKK327704:QKK327706 QUG327704:QUG327706 REC327704:REC327706 RNY327704:RNY327706 RXU327704:RXU327706 SHQ327704:SHQ327706 SRM327704:SRM327706 TBI327704:TBI327706 TLE327704:TLE327706 TVA327704:TVA327706 UEW327704:UEW327706 UOS327704:UOS327706 UYO327704:UYO327706 VIK327704:VIK327706 VSG327704:VSG327706 WCC327704:WCC327706 WLY327704:WLY327706 WVU327704:WVU327706 M393240:M393242 JI393240:JI393242 TE393240:TE393242 ADA393240:ADA393242 AMW393240:AMW393242 AWS393240:AWS393242 BGO393240:BGO393242 BQK393240:BQK393242 CAG393240:CAG393242 CKC393240:CKC393242 CTY393240:CTY393242 DDU393240:DDU393242 DNQ393240:DNQ393242 DXM393240:DXM393242 EHI393240:EHI393242 ERE393240:ERE393242 FBA393240:FBA393242 FKW393240:FKW393242 FUS393240:FUS393242 GEO393240:GEO393242 GOK393240:GOK393242 GYG393240:GYG393242 HIC393240:HIC393242 HRY393240:HRY393242 IBU393240:IBU393242 ILQ393240:ILQ393242 IVM393240:IVM393242 JFI393240:JFI393242 JPE393240:JPE393242 JZA393240:JZA393242 KIW393240:KIW393242 KSS393240:KSS393242 LCO393240:LCO393242 LMK393240:LMK393242 LWG393240:LWG393242 MGC393240:MGC393242 MPY393240:MPY393242 MZU393240:MZU393242 NJQ393240:NJQ393242 NTM393240:NTM393242 ODI393240:ODI393242 ONE393240:ONE393242 OXA393240:OXA393242 PGW393240:PGW393242 PQS393240:PQS393242 QAO393240:QAO393242 QKK393240:QKK393242 QUG393240:QUG393242 REC393240:REC393242 RNY393240:RNY393242 RXU393240:RXU393242 SHQ393240:SHQ393242 SRM393240:SRM393242 TBI393240:TBI393242 TLE393240:TLE393242 TVA393240:TVA393242 UEW393240:UEW393242 UOS393240:UOS393242 UYO393240:UYO393242 VIK393240:VIK393242 VSG393240:VSG393242 WCC393240:WCC393242 WLY393240:WLY393242 WVU393240:WVU393242 M458776:M458778 JI458776:JI458778 TE458776:TE458778 ADA458776:ADA458778 AMW458776:AMW458778 AWS458776:AWS458778 BGO458776:BGO458778 BQK458776:BQK458778 CAG458776:CAG458778 CKC458776:CKC458778 CTY458776:CTY458778 DDU458776:DDU458778 DNQ458776:DNQ458778 DXM458776:DXM458778 EHI458776:EHI458778 ERE458776:ERE458778 FBA458776:FBA458778 FKW458776:FKW458778 FUS458776:FUS458778 GEO458776:GEO458778 GOK458776:GOK458778 GYG458776:GYG458778 HIC458776:HIC458778 HRY458776:HRY458778 IBU458776:IBU458778 ILQ458776:ILQ458778 IVM458776:IVM458778 JFI458776:JFI458778 JPE458776:JPE458778 JZA458776:JZA458778 KIW458776:KIW458778 KSS458776:KSS458778 LCO458776:LCO458778 LMK458776:LMK458778 LWG458776:LWG458778 MGC458776:MGC458778 MPY458776:MPY458778 MZU458776:MZU458778 NJQ458776:NJQ458778 NTM458776:NTM458778 ODI458776:ODI458778 ONE458776:ONE458778 OXA458776:OXA458778 PGW458776:PGW458778 PQS458776:PQS458778 QAO458776:QAO458778 QKK458776:QKK458778 QUG458776:QUG458778 REC458776:REC458778 RNY458776:RNY458778 RXU458776:RXU458778 SHQ458776:SHQ458778 SRM458776:SRM458778 TBI458776:TBI458778 TLE458776:TLE458778 TVA458776:TVA458778 UEW458776:UEW458778 UOS458776:UOS458778 UYO458776:UYO458778 VIK458776:VIK458778 VSG458776:VSG458778 WCC458776:WCC458778 WLY458776:WLY458778 WVU458776:WVU458778 M524312:M524314 JI524312:JI524314 TE524312:TE524314 ADA524312:ADA524314 AMW524312:AMW524314 AWS524312:AWS524314 BGO524312:BGO524314 BQK524312:BQK524314 CAG524312:CAG524314 CKC524312:CKC524314 CTY524312:CTY524314 DDU524312:DDU524314 DNQ524312:DNQ524314 DXM524312:DXM524314 EHI524312:EHI524314 ERE524312:ERE524314 FBA524312:FBA524314 FKW524312:FKW524314 FUS524312:FUS524314 GEO524312:GEO524314 GOK524312:GOK524314 GYG524312:GYG524314 HIC524312:HIC524314 HRY524312:HRY524314 IBU524312:IBU524314 ILQ524312:ILQ524314 IVM524312:IVM524314 JFI524312:JFI524314 JPE524312:JPE524314 JZA524312:JZA524314 KIW524312:KIW524314 KSS524312:KSS524314 LCO524312:LCO524314 LMK524312:LMK524314 LWG524312:LWG524314 MGC524312:MGC524314 MPY524312:MPY524314 MZU524312:MZU524314 NJQ524312:NJQ524314 NTM524312:NTM524314 ODI524312:ODI524314 ONE524312:ONE524314 OXA524312:OXA524314 PGW524312:PGW524314 PQS524312:PQS524314 QAO524312:QAO524314 QKK524312:QKK524314 QUG524312:QUG524314 REC524312:REC524314 RNY524312:RNY524314 RXU524312:RXU524314 SHQ524312:SHQ524314 SRM524312:SRM524314 TBI524312:TBI524314 TLE524312:TLE524314 TVA524312:TVA524314 UEW524312:UEW524314 UOS524312:UOS524314 UYO524312:UYO524314 VIK524312:VIK524314 VSG524312:VSG524314 WCC524312:WCC524314 WLY524312:WLY524314 WVU524312:WVU524314 M589848:M589850 JI589848:JI589850 TE589848:TE589850 ADA589848:ADA589850 AMW589848:AMW589850 AWS589848:AWS589850 BGO589848:BGO589850 BQK589848:BQK589850 CAG589848:CAG589850 CKC589848:CKC589850 CTY589848:CTY589850 DDU589848:DDU589850 DNQ589848:DNQ589850 DXM589848:DXM589850 EHI589848:EHI589850 ERE589848:ERE589850 FBA589848:FBA589850 FKW589848:FKW589850 FUS589848:FUS589850 GEO589848:GEO589850 GOK589848:GOK589850 GYG589848:GYG589850 HIC589848:HIC589850 HRY589848:HRY589850 IBU589848:IBU589850 ILQ589848:ILQ589850 IVM589848:IVM589850 JFI589848:JFI589850 JPE589848:JPE589850 JZA589848:JZA589850 KIW589848:KIW589850 KSS589848:KSS589850 LCO589848:LCO589850 LMK589848:LMK589850 LWG589848:LWG589850 MGC589848:MGC589850 MPY589848:MPY589850 MZU589848:MZU589850 NJQ589848:NJQ589850 NTM589848:NTM589850 ODI589848:ODI589850 ONE589848:ONE589850 OXA589848:OXA589850 PGW589848:PGW589850 PQS589848:PQS589850 QAO589848:QAO589850 QKK589848:QKK589850 QUG589848:QUG589850 REC589848:REC589850 RNY589848:RNY589850 RXU589848:RXU589850 SHQ589848:SHQ589850 SRM589848:SRM589850 TBI589848:TBI589850 TLE589848:TLE589850 TVA589848:TVA589850 UEW589848:UEW589850 UOS589848:UOS589850 UYO589848:UYO589850 VIK589848:VIK589850 VSG589848:VSG589850 WCC589848:WCC589850 WLY589848:WLY589850 WVU589848:WVU589850 M655384:M655386 JI655384:JI655386 TE655384:TE655386 ADA655384:ADA655386 AMW655384:AMW655386 AWS655384:AWS655386 BGO655384:BGO655386 BQK655384:BQK655386 CAG655384:CAG655386 CKC655384:CKC655386 CTY655384:CTY655386 DDU655384:DDU655386 DNQ655384:DNQ655386 DXM655384:DXM655386 EHI655384:EHI655386 ERE655384:ERE655386 FBA655384:FBA655386 FKW655384:FKW655386 FUS655384:FUS655386 GEO655384:GEO655386 GOK655384:GOK655386 GYG655384:GYG655386 HIC655384:HIC655386 HRY655384:HRY655386 IBU655384:IBU655386 ILQ655384:ILQ655386 IVM655384:IVM655386 JFI655384:JFI655386 JPE655384:JPE655386 JZA655384:JZA655386 KIW655384:KIW655386 KSS655384:KSS655386 LCO655384:LCO655386 LMK655384:LMK655386 LWG655384:LWG655386 MGC655384:MGC655386 MPY655384:MPY655386 MZU655384:MZU655386 NJQ655384:NJQ655386 NTM655384:NTM655386 ODI655384:ODI655386 ONE655384:ONE655386 OXA655384:OXA655386 PGW655384:PGW655386 PQS655384:PQS655386 QAO655384:QAO655386 QKK655384:QKK655386 QUG655384:QUG655386 REC655384:REC655386 RNY655384:RNY655386 RXU655384:RXU655386 SHQ655384:SHQ655386 SRM655384:SRM655386 TBI655384:TBI655386 TLE655384:TLE655386 TVA655384:TVA655386 UEW655384:UEW655386 UOS655384:UOS655386 UYO655384:UYO655386 VIK655384:VIK655386 VSG655384:VSG655386 WCC655384:WCC655386 WLY655384:WLY655386 WVU655384:WVU655386 M720920:M720922 JI720920:JI720922 TE720920:TE720922 ADA720920:ADA720922 AMW720920:AMW720922 AWS720920:AWS720922 BGO720920:BGO720922 BQK720920:BQK720922 CAG720920:CAG720922 CKC720920:CKC720922 CTY720920:CTY720922 DDU720920:DDU720922 DNQ720920:DNQ720922 DXM720920:DXM720922 EHI720920:EHI720922 ERE720920:ERE720922 FBA720920:FBA720922 FKW720920:FKW720922 FUS720920:FUS720922 GEO720920:GEO720922 GOK720920:GOK720922 GYG720920:GYG720922 HIC720920:HIC720922 HRY720920:HRY720922 IBU720920:IBU720922 ILQ720920:ILQ720922 IVM720920:IVM720922 JFI720920:JFI720922 JPE720920:JPE720922 JZA720920:JZA720922 KIW720920:KIW720922 KSS720920:KSS720922 LCO720920:LCO720922 LMK720920:LMK720922 LWG720920:LWG720922 MGC720920:MGC720922 MPY720920:MPY720922 MZU720920:MZU720922 NJQ720920:NJQ720922 NTM720920:NTM720922 ODI720920:ODI720922 ONE720920:ONE720922 OXA720920:OXA720922 PGW720920:PGW720922 PQS720920:PQS720922 QAO720920:QAO720922 QKK720920:QKK720922 QUG720920:QUG720922 REC720920:REC720922 RNY720920:RNY720922 RXU720920:RXU720922 SHQ720920:SHQ720922 SRM720920:SRM720922 TBI720920:TBI720922 TLE720920:TLE720922 TVA720920:TVA720922 UEW720920:UEW720922 UOS720920:UOS720922 UYO720920:UYO720922 VIK720920:VIK720922 VSG720920:VSG720922 WCC720920:WCC720922 WLY720920:WLY720922 WVU720920:WVU720922 M786456:M786458 JI786456:JI786458 TE786456:TE786458 ADA786456:ADA786458 AMW786456:AMW786458 AWS786456:AWS786458 BGO786456:BGO786458 BQK786456:BQK786458 CAG786456:CAG786458 CKC786456:CKC786458 CTY786456:CTY786458 DDU786456:DDU786458 DNQ786456:DNQ786458 DXM786456:DXM786458 EHI786456:EHI786458 ERE786456:ERE786458 FBA786456:FBA786458 FKW786456:FKW786458 FUS786456:FUS786458 GEO786456:GEO786458 GOK786456:GOK786458 GYG786456:GYG786458 HIC786456:HIC786458 HRY786456:HRY786458 IBU786456:IBU786458 ILQ786456:ILQ786458 IVM786456:IVM786458 JFI786456:JFI786458 JPE786456:JPE786458 JZA786456:JZA786458 KIW786456:KIW786458 KSS786456:KSS786458 LCO786456:LCO786458 LMK786456:LMK786458 LWG786456:LWG786458 MGC786456:MGC786458 MPY786456:MPY786458 MZU786456:MZU786458 NJQ786456:NJQ786458 NTM786456:NTM786458 ODI786456:ODI786458 ONE786456:ONE786458 OXA786456:OXA786458 PGW786456:PGW786458 PQS786456:PQS786458 QAO786456:QAO786458 QKK786456:QKK786458 QUG786456:QUG786458 REC786456:REC786458 RNY786456:RNY786458 RXU786456:RXU786458 SHQ786456:SHQ786458 SRM786456:SRM786458 TBI786456:TBI786458 TLE786456:TLE786458 TVA786456:TVA786458 UEW786456:UEW786458 UOS786456:UOS786458 UYO786456:UYO786458 VIK786456:VIK786458 VSG786456:VSG786458 WCC786456:WCC786458 WLY786456:WLY786458 WVU786456:WVU786458 M851992:M851994 JI851992:JI851994 TE851992:TE851994 ADA851992:ADA851994 AMW851992:AMW851994 AWS851992:AWS851994 BGO851992:BGO851994 BQK851992:BQK851994 CAG851992:CAG851994 CKC851992:CKC851994 CTY851992:CTY851994 DDU851992:DDU851994 DNQ851992:DNQ851994 DXM851992:DXM851994 EHI851992:EHI851994 ERE851992:ERE851994 FBA851992:FBA851994 FKW851992:FKW851994 FUS851992:FUS851994 GEO851992:GEO851994 GOK851992:GOK851994 GYG851992:GYG851994 HIC851992:HIC851994 HRY851992:HRY851994 IBU851992:IBU851994 ILQ851992:ILQ851994 IVM851992:IVM851994 JFI851992:JFI851994 JPE851992:JPE851994 JZA851992:JZA851994 KIW851992:KIW851994 KSS851992:KSS851994 LCO851992:LCO851994 LMK851992:LMK851994 LWG851992:LWG851994 MGC851992:MGC851994 MPY851992:MPY851994 MZU851992:MZU851994 NJQ851992:NJQ851994 NTM851992:NTM851994 ODI851992:ODI851994 ONE851992:ONE851994 OXA851992:OXA851994 PGW851992:PGW851994 PQS851992:PQS851994 QAO851992:QAO851994 QKK851992:QKK851994 QUG851992:QUG851994 REC851992:REC851994 RNY851992:RNY851994 RXU851992:RXU851994 SHQ851992:SHQ851994 SRM851992:SRM851994 TBI851992:TBI851994 TLE851992:TLE851994 TVA851992:TVA851994 UEW851992:UEW851994 UOS851992:UOS851994 UYO851992:UYO851994 VIK851992:VIK851994 VSG851992:VSG851994 WCC851992:WCC851994 WLY851992:WLY851994 WVU851992:WVU851994 M917528:M917530 JI917528:JI917530 TE917528:TE917530 ADA917528:ADA917530 AMW917528:AMW917530 AWS917528:AWS917530 BGO917528:BGO917530 BQK917528:BQK917530 CAG917528:CAG917530 CKC917528:CKC917530 CTY917528:CTY917530 DDU917528:DDU917530 DNQ917528:DNQ917530 DXM917528:DXM917530 EHI917528:EHI917530 ERE917528:ERE917530 FBA917528:FBA917530 FKW917528:FKW917530 FUS917528:FUS917530 GEO917528:GEO917530 GOK917528:GOK917530 GYG917528:GYG917530 HIC917528:HIC917530 HRY917528:HRY917530 IBU917528:IBU917530 ILQ917528:ILQ917530 IVM917528:IVM917530 JFI917528:JFI917530 JPE917528:JPE917530 JZA917528:JZA917530 KIW917528:KIW917530 KSS917528:KSS917530 LCO917528:LCO917530 LMK917528:LMK917530 LWG917528:LWG917530 MGC917528:MGC917530 MPY917528:MPY917530 MZU917528:MZU917530 NJQ917528:NJQ917530 NTM917528:NTM917530 ODI917528:ODI917530 ONE917528:ONE917530 OXA917528:OXA917530 PGW917528:PGW917530 PQS917528:PQS917530 QAO917528:QAO917530 QKK917528:QKK917530 QUG917528:QUG917530 REC917528:REC917530 RNY917528:RNY917530 RXU917528:RXU917530 SHQ917528:SHQ917530 SRM917528:SRM917530 TBI917528:TBI917530 TLE917528:TLE917530 TVA917528:TVA917530 UEW917528:UEW917530 UOS917528:UOS917530 UYO917528:UYO917530 VIK917528:VIK917530 VSG917528:VSG917530 WCC917528:WCC917530 WLY917528:WLY917530 WVU917528:WVU917530 M983064:M983066 JI983064:JI983066 TE983064:TE983066 ADA983064:ADA983066 AMW983064:AMW983066 AWS983064:AWS983066 BGO983064:BGO983066 BQK983064:BQK983066 CAG983064:CAG983066 CKC983064:CKC983066 CTY983064:CTY983066 DDU983064:DDU983066 DNQ983064:DNQ983066 DXM983064:DXM983066 EHI983064:EHI983066 ERE983064:ERE983066 FBA983064:FBA983066 FKW983064:FKW983066 FUS983064:FUS983066 GEO983064:GEO983066 GOK983064:GOK983066 GYG983064:GYG983066 HIC983064:HIC983066 HRY983064:HRY983066 IBU983064:IBU983066 ILQ983064:ILQ983066 IVM983064:IVM983066 JFI983064:JFI983066 JPE983064:JPE983066 JZA983064:JZA983066 KIW983064:KIW983066 KSS983064:KSS983066 LCO983064:LCO983066 LMK983064:LMK983066 LWG983064:LWG983066 MGC983064:MGC983066 MPY983064:MPY983066 MZU983064:MZU983066 NJQ983064:NJQ983066 NTM983064:NTM983066 ODI983064:ODI983066 ONE983064:ONE983066 OXA983064:OXA983066 PGW983064:PGW983066 PQS983064:PQS983066 QAO983064:QAO983066 QKK983064:QKK983066 QUG983064:QUG983066 REC983064:REC983066 RNY983064:RNY983066 RXU983064:RXU983066 SHQ983064:SHQ983066 SRM983064:SRM983066 TBI983064:TBI983066 TLE983064:TLE983066 TVA983064:TVA983066 UEW983064:UEW983066 UOS983064:UOS983066 UYO983064:UYO983066 VIK983064:VIK983066 VSG983064:VSG983066 WCC983064:WCC983066 WLY983064:WLY983066 WVU983064:WVU983066 Q24:Q26 JM24:JM26 TI24:TI26 ADE24:ADE26 ANA24:ANA26 AWW24:AWW26 BGS24:BGS26 BQO24:BQO26 CAK24:CAK26 CKG24:CKG26 CUC24:CUC26 DDY24:DDY26 DNU24:DNU26 DXQ24:DXQ26 EHM24:EHM26 ERI24:ERI26 FBE24:FBE26 FLA24:FLA26 FUW24:FUW26 GES24:GES26 GOO24:GOO26 GYK24:GYK26 HIG24:HIG26 HSC24:HSC26 IBY24:IBY26 ILU24:ILU26 IVQ24:IVQ26 JFM24:JFM26 JPI24:JPI26 JZE24:JZE26 KJA24:KJA26 KSW24:KSW26 LCS24:LCS26 LMO24:LMO26 LWK24:LWK26 MGG24:MGG26 MQC24:MQC26 MZY24:MZY26 NJU24:NJU26 NTQ24:NTQ26 ODM24:ODM26 ONI24:ONI26 OXE24:OXE26 PHA24:PHA26 PQW24:PQW26 QAS24:QAS26 QKO24:QKO26 QUK24:QUK26 REG24:REG26 ROC24:ROC26 RXY24:RXY26 SHU24:SHU26 SRQ24:SRQ26 TBM24:TBM26 TLI24:TLI26 TVE24:TVE26 UFA24:UFA26 UOW24:UOW26 UYS24:UYS26 VIO24:VIO26 VSK24:VSK26 WCG24:WCG26 WMC24:WMC26 WVY24:WVY26 Q65560:Q65562 JM65560:JM65562 TI65560:TI65562 ADE65560:ADE65562 ANA65560:ANA65562 AWW65560:AWW65562 BGS65560:BGS65562 BQO65560:BQO65562 CAK65560:CAK65562 CKG65560:CKG65562 CUC65560:CUC65562 DDY65560:DDY65562 DNU65560:DNU65562 DXQ65560:DXQ65562 EHM65560:EHM65562 ERI65560:ERI65562 FBE65560:FBE65562 FLA65560:FLA65562 FUW65560:FUW65562 GES65560:GES65562 GOO65560:GOO65562 GYK65560:GYK65562 HIG65560:HIG65562 HSC65560:HSC65562 IBY65560:IBY65562 ILU65560:ILU65562 IVQ65560:IVQ65562 JFM65560:JFM65562 JPI65560:JPI65562 JZE65560:JZE65562 KJA65560:KJA65562 KSW65560:KSW65562 LCS65560:LCS65562 LMO65560:LMO65562 LWK65560:LWK65562 MGG65560:MGG65562 MQC65560:MQC65562 MZY65560:MZY65562 NJU65560:NJU65562 NTQ65560:NTQ65562 ODM65560:ODM65562 ONI65560:ONI65562 OXE65560:OXE65562 PHA65560:PHA65562 PQW65560:PQW65562 QAS65560:QAS65562 QKO65560:QKO65562 QUK65560:QUK65562 REG65560:REG65562 ROC65560:ROC65562 RXY65560:RXY65562 SHU65560:SHU65562 SRQ65560:SRQ65562 TBM65560:TBM65562 TLI65560:TLI65562 TVE65560:TVE65562 UFA65560:UFA65562 UOW65560:UOW65562 UYS65560:UYS65562 VIO65560:VIO65562 VSK65560:VSK65562 WCG65560:WCG65562 WMC65560:WMC65562 WVY65560:WVY65562 Q131096:Q131098 JM131096:JM131098 TI131096:TI131098 ADE131096:ADE131098 ANA131096:ANA131098 AWW131096:AWW131098 BGS131096:BGS131098 BQO131096:BQO131098 CAK131096:CAK131098 CKG131096:CKG131098 CUC131096:CUC131098 DDY131096:DDY131098 DNU131096:DNU131098 DXQ131096:DXQ131098 EHM131096:EHM131098 ERI131096:ERI131098 FBE131096:FBE131098 FLA131096:FLA131098 FUW131096:FUW131098 GES131096:GES131098 GOO131096:GOO131098 GYK131096:GYK131098 HIG131096:HIG131098 HSC131096:HSC131098 IBY131096:IBY131098 ILU131096:ILU131098 IVQ131096:IVQ131098 JFM131096:JFM131098 JPI131096:JPI131098 JZE131096:JZE131098 KJA131096:KJA131098 KSW131096:KSW131098 LCS131096:LCS131098 LMO131096:LMO131098 LWK131096:LWK131098 MGG131096:MGG131098 MQC131096:MQC131098 MZY131096:MZY131098 NJU131096:NJU131098 NTQ131096:NTQ131098 ODM131096:ODM131098 ONI131096:ONI131098 OXE131096:OXE131098 PHA131096:PHA131098 PQW131096:PQW131098 QAS131096:QAS131098 QKO131096:QKO131098 QUK131096:QUK131098 REG131096:REG131098 ROC131096:ROC131098 RXY131096:RXY131098 SHU131096:SHU131098 SRQ131096:SRQ131098 TBM131096:TBM131098 TLI131096:TLI131098 TVE131096:TVE131098 UFA131096:UFA131098 UOW131096:UOW131098 UYS131096:UYS131098 VIO131096:VIO131098 VSK131096:VSK131098 WCG131096:WCG131098 WMC131096:WMC131098 WVY131096:WVY131098 Q196632:Q196634 JM196632:JM196634 TI196632:TI196634 ADE196632:ADE196634 ANA196632:ANA196634 AWW196632:AWW196634 BGS196632:BGS196634 BQO196632:BQO196634 CAK196632:CAK196634 CKG196632:CKG196634 CUC196632:CUC196634 DDY196632:DDY196634 DNU196632:DNU196634 DXQ196632:DXQ196634 EHM196632:EHM196634 ERI196632:ERI196634 FBE196632:FBE196634 FLA196632:FLA196634 FUW196632:FUW196634 GES196632:GES196634 GOO196632:GOO196634 GYK196632:GYK196634 HIG196632:HIG196634 HSC196632:HSC196634 IBY196632:IBY196634 ILU196632:ILU196634 IVQ196632:IVQ196634 JFM196632:JFM196634 JPI196632:JPI196634 JZE196632:JZE196634 KJA196632:KJA196634 KSW196632:KSW196634 LCS196632:LCS196634 LMO196632:LMO196634 LWK196632:LWK196634 MGG196632:MGG196634 MQC196632:MQC196634 MZY196632:MZY196634 NJU196632:NJU196634 NTQ196632:NTQ196634 ODM196632:ODM196634 ONI196632:ONI196634 OXE196632:OXE196634 PHA196632:PHA196634 PQW196632:PQW196634 QAS196632:QAS196634 QKO196632:QKO196634 QUK196632:QUK196634 REG196632:REG196634 ROC196632:ROC196634 RXY196632:RXY196634 SHU196632:SHU196634 SRQ196632:SRQ196634 TBM196632:TBM196634 TLI196632:TLI196634 TVE196632:TVE196634 UFA196632:UFA196634 UOW196632:UOW196634 UYS196632:UYS196634 VIO196632:VIO196634 VSK196632:VSK196634 WCG196632:WCG196634 WMC196632:WMC196634 WVY196632:WVY196634 Q262168:Q262170 JM262168:JM262170 TI262168:TI262170 ADE262168:ADE262170 ANA262168:ANA262170 AWW262168:AWW262170 BGS262168:BGS262170 BQO262168:BQO262170 CAK262168:CAK262170 CKG262168:CKG262170 CUC262168:CUC262170 DDY262168:DDY262170 DNU262168:DNU262170 DXQ262168:DXQ262170 EHM262168:EHM262170 ERI262168:ERI262170 FBE262168:FBE262170 FLA262168:FLA262170 FUW262168:FUW262170 GES262168:GES262170 GOO262168:GOO262170 GYK262168:GYK262170 HIG262168:HIG262170 HSC262168:HSC262170 IBY262168:IBY262170 ILU262168:ILU262170 IVQ262168:IVQ262170 JFM262168:JFM262170 JPI262168:JPI262170 JZE262168:JZE262170 KJA262168:KJA262170 KSW262168:KSW262170 LCS262168:LCS262170 LMO262168:LMO262170 LWK262168:LWK262170 MGG262168:MGG262170 MQC262168:MQC262170 MZY262168:MZY262170 NJU262168:NJU262170 NTQ262168:NTQ262170 ODM262168:ODM262170 ONI262168:ONI262170 OXE262168:OXE262170 PHA262168:PHA262170 PQW262168:PQW262170 QAS262168:QAS262170 QKO262168:QKO262170 QUK262168:QUK262170 REG262168:REG262170 ROC262168:ROC262170 RXY262168:RXY262170 SHU262168:SHU262170 SRQ262168:SRQ262170 TBM262168:TBM262170 TLI262168:TLI262170 TVE262168:TVE262170 UFA262168:UFA262170 UOW262168:UOW262170 UYS262168:UYS262170 VIO262168:VIO262170 VSK262168:VSK262170 WCG262168:WCG262170 WMC262168:WMC262170 WVY262168:WVY262170 Q327704:Q327706 JM327704:JM327706 TI327704:TI327706 ADE327704:ADE327706 ANA327704:ANA327706 AWW327704:AWW327706 BGS327704:BGS327706 BQO327704:BQO327706 CAK327704:CAK327706 CKG327704:CKG327706 CUC327704:CUC327706 DDY327704:DDY327706 DNU327704:DNU327706 DXQ327704:DXQ327706 EHM327704:EHM327706 ERI327704:ERI327706 FBE327704:FBE327706 FLA327704:FLA327706 FUW327704:FUW327706 GES327704:GES327706 GOO327704:GOO327706 GYK327704:GYK327706 HIG327704:HIG327706 HSC327704:HSC327706 IBY327704:IBY327706 ILU327704:ILU327706 IVQ327704:IVQ327706 JFM327704:JFM327706 JPI327704:JPI327706 JZE327704:JZE327706 KJA327704:KJA327706 KSW327704:KSW327706 LCS327704:LCS327706 LMO327704:LMO327706 LWK327704:LWK327706 MGG327704:MGG327706 MQC327704:MQC327706 MZY327704:MZY327706 NJU327704:NJU327706 NTQ327704:NTQ327706 ODM327704:ODM327706 ONI327704:ONI327706 OXE327704:OXE327706 PHA327704:PHA327706 PQW327704:PQW327706 QAS327704:QAS327706 QKO327704:QKO327706 QUK327704:QUK327706 REG327704:REG327706 ROC327704:ROC327706 RXY327704:RXY327706 SHU327704:SHU327706 SRQ327704:SRQ327706 TBM327704:TBM327706 TLI327704:TLI327706 TVE327704:TVE327706 UFA327704:UFA327706 UOW327704:UOW327706 UYS327704:UYS327706 VIO327704:VIO327706 VSK327704:VSK327706 WCG327704:WCG327706 WMC327704:WMC327706 WVY327704:WVY327706 Q393240:Q393242 JM393240:JM393242 TI393240:TI393242 ADE393240:ADE393242 ANA393240:ANA393242 AWW393240:AWW393242 BGS393240:BGS393242 BQO393240:BQO393242 CAK393240:CAK393242 CKG393240:CKG393242 CUC393240:CUC393242 DDY393240:DDY393242 DNU393240:DNU393242 DXQ393240:DXQ393242 EHM393240:EHM393242 ERI393240:ERI393242 FBE393240:FBE393242 FLA393240:FLA393242 FUW393240:FUW393242 GES393240:GES393242 GOO393240:GOO393242 GYK393240:GYK393242 HIG393240:HIG393242 HSC393240:HSC393242 IBY393240:IBY393242 ILU393240:ILU393242 IVQ393240:IVQ393242 JFM393240:JFM393242 JPI393240:JPI393242 JZE393240:JZE393242 KJA393240:KJA393242 KSW393240:KSW393242 LCS393240:LCS393242 LMO393240:LMO393242 LWK393240:LWK393242 MGG393240:MGG393242 MQC393240:MQC393242 MZY393240:MZY393242 NJU393240:NJU393242 NTQ393240:NTQ393242 ODM393240:ODM393242 ONI393240:ONI393242 OXE393240:OXE393242 PHA393240:PHA393242 PQW393240:PQW393242 QAS393240:QAS393242 QKO393240:QKO393242 QUK393240:QUK393242 REG393240:REG393242 ROC393240:ROC393242 RXY393240:RXY393242 SHU393240:SHU393242 SRQ393240:SRQ393242 TBM393240:TBM393242 TLI393240:TLI393242 TVE393240:TVE393242 UFA393240:UFA393242 UOW393240:UOW393242 UYS393240:UYS393242 VIO393240:VIO393242 VSK393240:VSK393242 WCG393240:WCG393242 WMC393240:WMC393242 WVY393240:WVY393242 Q458776:Q458778 JM458776:JM458778 TI458776:TI458778 ADE458776:ADE458778 ANA458776:ANA458778 AWW458776:AWW458778 BGS458776:BGS458778 BQO458776:BQO458778 CAK458776:CAK458778 CKG458776:CKG458778 CUC458776:CUC458778 DDY458776:DDY458778 DNU458776:DNU458778 DXQ458776:DXQ458778 EHM458776:EHM458778 ERI458776:ERI458778 FBE458776:FBE458778 FLA458776:FLA458778 FUW458776:FUW458778 GES458776:GES458778 GOO458776:GOO458778 GYK458776:GYK458778 HIG458776:HIG458778 HSC458776:HSC458778 IBY458776:IBY458778 ILU458776:ILU458778 IVQ458776:IVQ458778 JFM458776:JFM458778 JPI458776:JPI458778 JZE458776:JZE458778 KJA458776:KJA458778 KSW458776:KSW458778 LCS458776:LCS458778 LMO458776:LMO458778 LWK458776:LWK458778 MGG458776:MGG458778 MQC458776:MQC458778 MZY458776:MZY458778 NJU458776:NJU458778 NTQ458776:NTQ458778 ODM458776:ODM458778 ONI458776:ONI458778 OXE458776:OXE458778 PHA458776:PHA458778 PQW458776:PQW458778 QAS458776:QAS458778 QKO458776:QKO458778 QUK458776:QUK458778 REG458776:REG458778 ROC458776:ROC458778 RXY458776:RXY458778 SHU458776:SHU458778 SRQ458776:SRQ458778 TBM458776:TBM458778 TLI458776:TLI458778 TVE458776:TVE458778 UFA458776:UFA458778 UOW458776:UOW458778 UYS458776:UYS458778 VIO458776:VIO458778 VSK458776:VSK458778 WCG458776:WCG458778 WMC458776:WMC458778 WVY458776:WVY458778 Q524312:Q524314 JM524312:JM524314 TI524312:TI524314 ADE524312:ADE524314 ANA524312:ANA524314 AWW524312:AWW524314 BGS524312:BGS524314 BQO524312:BQO524314 CAK524312:CAK524314 CKG524312:CKG524314 CUC524312:CUC524314 DDY524312:DDY524314 DNU524312:DNU524314 DXQ524312:DXQ524314 EHM524312:EHM524314 ERI524312:ERI524314 FBE524312:FBE524314 FLA524312:FLA524314 FUW524312:FUW524314 GES524312:GES524314 GOO524312:GOO524314 GYK524312:GYK524314 HIG524312:HIG524314 HSC524312:HSC524314 IBY524312:IBY524314 ILU524312:ILU524314 IVQ524312:IVQ524314 JFM524312:JFM524314 JPI524312:JPI524314 JZE524312:JZE524314 KJA524312:KJA524314 KSW524312:KSW524314 LCS524312:LCS524314 LMO524312:LMO524314 LWK524312:LWK524314 MGG524312:MGG524314 MQC524312:MQC524314 MZY524312:MZY524314 NJU524312:NJU524314 NTQ524312:NTQ524314 ODM524312:ODM524314 ONI524312:ONI524314 OXE524312:OXE524314 PHA524312:PHA524314 PQW524312:PQW524314 QAS524312:QAS524314 QKO524312:QKO524314 QUK524312:QUK524314 REG524312:REG524314 ROC524312:ROC524314 RXY524312:RXY524314 SHU524312:SHU524314 SRQ524312:SRQ524314 TBM524312:TBM524314 TLI524312:TLI524314 TVE524312:TVE524314 UFA524312:UFA524314 UOW524312:UOW524314 UYS524312:UYS524314 VIO524312:VIO524314 VSK524312:VSK524314 WCG524312:WCG524314 WMC524312:WMC524314 WVY524312:WVY524314 Q589848:Q589850 JM589848:JM589850 TI589848:TI589850 ADE589848:ADE589850 ANA589848:ANA589850 AWW589848:AWW589850 BGS589848:BGS589850 BQO589848:BQO589850 CAK589848:CAK589850 CKG589848:CKG589850 CUC589848:CUC589850 DDY589848:DDY589850 DNU589848:DNU589850 DXQ589848:DXQ589850 EHM589848:EHM589850 ERI589848:ERI589850 FBE589848:FBE589850 FLA589848:FLA589850 FUW589848:FUW589850 GES589848:GES589850 GOO589848:GOO589850 GYK589848:GYK589850 HIG589848:HIG589850 HSC589848:HSC589850 IBY589848:IBY589850 ILU589848:ILU589850 IVQ589848:IVQ589850 JFM589848:JFM589850 JPI589848:JPI589850 JZE589848:JZE589850 KJA589848:KJA589850 KSW589848:KSW589850 LCS589848:LCS589850 LMO589848:LMO589850 LWK589848:LWK589850 MGG589848:MGG589850 MQC589848:MQC589850 MZY589848:MZY589850 NJU589848:NJU589850 NTQ589848:NTQ589850 ODM589848:ODM589850 ONI589848:ONI589850 OXE589848:OXE589850 PHA589848:PHA589850 PQW589848:PQW589850 QAS589848:QAS589850 QKO589848:QKO589850 QUK589848:QUK589850 REG589848:REG589850 ROC589848:ROC589850 RXY589848:RXY589850 SHU589848:SHU589850 SRQ589848:SRQ589850 TBM589848:TBM589850 TLI589848:TLI589850 TVE589848:TVE589850 UFA589848:UFA589850 UOW589848:UOW589850 UYS589848:UYS589850 VIO589848:VIO589850 VSK589848:VSK589850 WCG589848:WCG589850 WMC589848:WMC589850 WVY589848:WVY589850 Q655384:Q655386 JM655384:JM655386 TI655384:TI655386 ADE655384:ADE655386 ANA655384:ANA655386 AWW655384:AWW655386 BGS655384:BGS655386 BQO655384:BQO655386 CAK655384:CAK655386 CKG655384:CKG655386 CUC655384:CUC655386 DDY655384:DDY655386 DNU655384:DNU655386 DXQ655384:DXQ655386 EHM655384:EHM655386 ERI655384:ERI655386 FBE655384:FBE655386 FLA655384:FLA655386 FUW655384:FUW655386 GES655384:GES655386 GOO655384:GOO655386 GYK655384:GYK655386 HIG655384:HIG655386 HSC655384:HSC655386 IBY655384:IBY655386 ILU655384:ILU655386 IVQ655384:IVQ655386 JFM655384:JFM655386 JPI655384:JPI655386 JZE655384:JZE655386 KJA655384:KJA655386 KSW655384:KSW655386 LCS655384:LCS655386 LMO655384:LMO655386 LWK655384:LWK655386 MGG655384:MGG655386 MQC655384:MQC655386 MZY655384:MZY655386 NJU655384:NJU655386 NTQ655384:NTQ655386 ODM655384:ODM655386 ONI655384:ONI655386 OXE655384:OXE655386 PHA655384:PHA655386 PQW655384:PQW655386 QAS655384:QAS655386 QKO655384:QKO655386 QUK655384:QUK655386 REG655384:REG655386 ROC655384:ROC655386 RXY655384:RXY655386 SHU655384:SHU655386 SRQ655384:SRQ655386 TBM655384:TBM655386 TLI655384:TLI655386 TVE655384:TVE655386 UFA655384:UFA655386 UOW655384:UOW655386 UYS655384:UYS655386 VIO655384:VIO655386 VSK655384:VSK655386 WCG655384:WCG655386 WMC655384:WMC655386 WVY655384:WVY655386 Q720920:Q720922 JM720920:JM720922 TI720920:TI720922 ADE720920:ADE720922 ANA720920:ANA720922 AWW720920:AWW720922 BGS720920:BGS720922 BQO720920:BQO720922 CAK720920:CAK720922 CKG720920:CKG720922 CUC720920:CUC720922 DDY720920:DDY720922 DNU720920:DNU720922 DXQ720920:DXQ720922 EHM720920:EHM720922 ERI720920:ERI720922 FBE720920:FBE720922 FLA720920:FLA720922 FUW720920:FUW720922 GES720920:GES720922 GOO720920:GOO720922 GYK720920:GYK720922 HIG720920:HIG720922 HSC720920:HSC720922 IBY720920:IBY720922 ILU720920:ILU720922 IVQ720920:IVQ720922 JFM720920:JFM720922 JPI720920:JPI720922 JZE720920:JZE720922 KJA720920:KJA720922 KSW720920:KSW720922 LCS720920:LCS720922 LMO720920:LMO720922 LWK720920:LWK720922 MGG720920:MGG720922 MQC720920:MQC720922 MZY720920:MZY720922 NJU720920:NJU720922 NTQ720920:NTQ720922 ODM720920:ODM720922 ONI720920:ONI720922 OXE720920:OXE720922 PHA720920:PHA720922 PQW720920:PQW720922 QAS720920:QAS720922 QKO720920:QKO720922 QUK720920:QUK720922 REG720920:REG720922 ROC720920:ROC720922 RXY720920:RXY720922 SHU720920:SHU720922 SRQ720920:SRQ720922 TBM720920:TBM720922 TLI720920:TLI720922 TVE720920:TVE720922 UFA720920:UFA720922 UOW720920:UOW720922 UYS720920:UYS720922 VIO720920:VIO720922 VSK720920:VSK720922 WCG720920:WCG720922 WMC720920:WMC720922 WVY720920:WVY720922 Q786456:Q786458 JM786456:JM786458 TI786456:TI786458 ADE786456:ADE786458 ANA786456:ANA786458 AWW786456:AWW786458 BGS786456:BGS786458 BQO786456:BQO786458 CAK786456:CAK786458 CKG786456:CKG786458 CUC786456:CUC786458 DDY786456:DDY786458 DNU786456:DNU786458 DXQ786456:DXQ786458 EHM786456:EHM786458 ERI786456:ERI786458 FBE786456:FBE786458 FLA786456:FLA786458 FUW786456:FUW786458 GES786456:GES786458 GOO786456:GOO786458 GYK786456:GYK786458 HIG786456:HIG786458 HSC786456:HSC786458 IBY786456:IBY786458 ILU786456:ILU786458 IVQ786456:IVQ786458 JFM786456:JFM786458 JPI786456:JPI786458 JZE786456:JZE786458 KJA786456:KJA786458 KSW786456:KSW786458 LCS786456:LCS786458 LMO786456:LMO786458 LWK786456:LWK786458 MGG786456:MGG786458 MQC786456:MQC786458 MZY786456:MZY786458 NJU786456:NJU786458 NTQ786456:NTQ786458 ODM786456:ODM786458 ONI786456:ONI786458 OXE786456:OXE786458 PHA786456:PHA786458 PQW786456:PQW786458 QAS786456:QAS786458 QKO786456:QKO786458 QUK786456:QUK786458 REG786456:REG786458 ROC786456:ROC786458 RXY786456:RXY786458 SHU786456:SHU786458 SRQ786456:SRQ786458 TBM786456:TBM786458 TLI786456:TLI786458 TVE786456:TVE786458 UFA786456:UFA786458 UOW786456:UOW786458 UYS786456:UYS786458 VIO786456:VIO786458 VSK786456:VSK786458 WCG786456:WCG786458 WMC786456:WMC786458 WVY786456:WVY786458 Q851992:Q851994 JM851992:JM851994 TI851992:TI851994 ADE851992:ADE851994 ANA851992:ANA851994 AWW851992:AWW851994 BGS851992:BGS851994 BQO851992:BQO851994 CAK851992:CAK851994 CKG851992:CKG851994 CUC851992:CUC851994 DDY851992:DDY851994 DNU851992:DNU851994 DXQ851992:DXQ851994 EHM851992:EHM851994 ERI851992:ERI851994 FBE851992:FBE851994 FLA851992:FLA851994 FUW851992:FUW851994 GES851992:GES851994 GOO851992:GOO851994 GYK851992:GYK851994 HIG851992:HIG851994 HSC851992:HSC851994 IBY851992:IBY851994 ILU851992:ILU851994 IVQ851992:IVQ851994 JFM851992:JFM851994 JPI851992:JPI851994 JZE851992:JZE851994 KJA851992:KJA851994 KSW851992:KSW851994 LCS851992:LCS851994 LMO851992:LMO851994 LWK851992:LWK851994 MGG851992:MGG851994 MQC851992:MQC851994 MZY851992:MZY851994 NJU851992:NJU851994 NTQ851992:NTQ851994 ODM851992:ODM851994 ONI851992:ONI851994 OXE851992:OXE851994 PHA851992:PHA851994 PQW851992:PQW851994 QAS851992:QAS851994 QKO851992:QKO851994 QUK851992:QUK851994 REG851992:REG851994 ROC851992:ROC851994 RXY851992:RXY851994 SHU851992:SHU851994 SRQ851992:SRQ851994 TBM851992:TBM851994 TLI851992:TLI851994 TVE851992:TVE851994 UFA851992:UFA851994 UOW851992:UOW851994 UYS851992:UYS851994 VIO851992:VIO851994 VSK851992:VSK851994 WCG851992:WCG851994 WMC851992:WMC851994 WVY851992:WVY851994 Q917528:Q917530 JM917528:JM917530 TI917528:TI917530 ADE917528:ADE917530 ANA917528:ANA917530 AWW917528:AWW917530 BGS917528:BGS917530 BQO917528:BQO917530 CAK917528:CAK917530 CKG917528:CKG917530 CUC917528:CUC917530 DDY917528:DDY917530 DNU917528:DNU917530 DXQ917528:DXQ917530 EHM917528:EHM917530 ERI917528:ERI917530 FBE917528:FBE917530 FLA917528:FLA917530 FUW917528:FUW917530 GES917528:GES917530 GOO917528:GOO917530 GYK917528:GYK917530 HIG917528:HIG917530 HSC917528:HSC917530 IBY917528:IBY917530 ILU917528:ILU917530 IVQ917528:IVQ917530 JFM917528:JFM917530 JPI917528:JPI917530 JZE917528:JZE917530 KJA917528:KJA917530 KSW917528:KSW917530 LCS917528:LCS917530 LMO917528:LMO917530 LWK917528:LWK917530 MGG917528:MGG917530 MQC917528:MQC917530 MZY917528:MZY917530 NJU917528:NJU917530 NTQ917528:NTQ917530 ODM917528:ODM917530 ONI917528:ONI917530 OXE917528:OXE917530 PHA917528:PHA917530 PQW917528:PQW917530 QAS917528:QAS917530 QKO917528:QKO917530 QUK917528:QUK917530 REG917528:REG917530 ROC917528:ROC917530 RXY917528:RXY917530 SHU917528:SHU917530 SRQ917528:SRQ917530 TBM917528:TBM917530 TLI917528:TLI917530 TVE917528:TVE917530 UFA917528:UFA917530 UOW917528:UOW917530 UYS917528:UYS917530 VIO917528:VIO917530 VSK917528:VSK917530 WCG917528:WCG917530 WMC917528:WMC917530 WVY917528:WVY917530 Q983064:Q983066 JM983064:JM983066 TI983064:TI983066 ADE983064:ADE983066 ANA983064:ANA983066 AWW983064:AWW983066 BGS983064:BGS983066 BQO983064:BQO983066 CAK983064:CAK983066 CKG983064:CKG983066 CUC983064:CUC983066 DDY983064:DDY983066 DNU983064:DNU983066 DXQ983064:DXQ983066 EHM983064:EHM983066 ERI983064:ERI983066 FBE983064:FBE983066 FLA983064:FLA983066 FUW983064:FUW983066 GES983064:GES983066 GOO983064:GOO983066 GYK983064:GYK983066 HIG983064:HIG983066 HSC983064:HSC983066 IBY983064:IBY983066 ILU983064:ILU983066 IVQ983064:IVQ983066 JFM983064:JFM983066 JPI983064:JPI983066 JZE983064:JZE983066 KJA983064:KJA983066 KSW983064:KSW983066 LCS983064:LCS983066 LMO983064:LMO983066 LWK983064:LWK983066 MGG983064:MGG983066 MQC983064:MQC983066 MZY983064:MZY983066 NJU983064:NJU983066 NTQ983064:NTQ983066 ODM983064:ODM983066 ONI983064:ONI983066 OXE983064:OXE983066 PHA983064:PHA983066 PQW983064:PQW983066 QAS983064:QAS983066 QKO983064:QKO983066 QUK983064:QUK983066 REG983064:REG983066 ROC983064:ROC983066 RXY983064:RXY983066 SHU983064:SHU983066 SRQ983064:SRQ983066 TBM983064:TBM983066 TLI983064:TLI983066 TVE983064:TVE983066 UFA983064:UFA983066 UOW983064:UOW983066 UYS983064:UYS983066 VIO983064:VIO983066 VSK983064:VSK983066 WCG983064:WCG983066 WMC983064:WMC983066 WVY983064:WVY983066 Y24:Y25 JU24:JU25 TQ24:TQ25 ADM24:ADM25 ANI24:ANI25 AXE24:AXE25 BHA24:BHA25 BQW24:BQW25 CAS24:CAS25 CKO24:CKO25 CUK24:CUK25 DEG24:DEG25 DOC24:DOC25 DXY24:DXY25 EHU24:EHU25 ERQ24:ERQ25 FBM24:FBM25 FLI24:FLI25 FVE24:FVE25 GFA24:GFA25 GOW24:GOW25 GYS24:GYS25 HIO24:HIO25 HSK24:HSK25 ICG24:ICG25 IMC24:IMC25 IVY24:IVY25 JFU24:JFU25 JPQ24:JPQ25 JZM24:JZM25 KJI24:KJI25 KTE24:KTE25 LDA24:LDA25 LMW24:LMW25 LWS24:LWS25 MGO24:MGO25 MQK24:MQK25 NAG24:NAG25 NKC24:NKC25 NTY24:NTY25 ODU24:ODU25 ONQ24:ONQ25 OXM24:OXM25 PHI24:PHI25 PRE24:PRE25 QBA24:QBA25 QKW24:QKW25 QUS24:QUS25 REO24:REO25 ROK24:ROK25 RYG24:RYG25 SIC24:SIC25 SRY24:SRY25 TBU24:TBU25 TLQ24:TLQ25 TVM24:TVM25 UFI24:UFI25 UPE24:UPE25 UZA24:UZA25 VIW24:VIW25 VSS24:VSS25 WCO24:WCO25 WMK24:WMK25 WWG24:WWG25 Y65560:Y65561 JU65560:JU65561 TQ65560:TQ65561 ADM65560:ADM65561 ANI65560:ANI65561 AXE65560:AXE65561 BHA65560:BHA65561 BQW65560:BQW65561 CAS65560:CAS65561 CKO65560:CKO65561 CUK65560:CUK65561 DEG65560:DEG65561 DOC65560:DOC65561 DXY65560:DXY65561 EHU65560:EHU65561 ERQ65560:ERQ65561 FBM65560:FBM65561 FLI65560:FLI65561 FVE65560:FVE65561 GFA65560:GFA65561 GOW65560:GOW65561 GYS65560:GYS65561 HIO65560:HIO65561 HSK65560:HSK65561 ICG65560:ICG65561 IMC65560:IMC65561 IVY65560:IVY65561 JFU65560:JFU65561 JPQ65560:JPQ65561 JZM65560:JZM65561 KJI65560:KJI65561 KTE65560:KTE65561 LDA65560:LDA65561 LMW65560:LMW65561 LWS65560:LWS65561 MGO65560:MGO65561 MQK65560:MQK65561 NAG65560:NAG65561 NKC65560:NKC65561 NTY65560:NTY65561 ODU65560:ODU65561 ONQ65560:ONQ65561 OXM65560:OXM65561 PHI65560:PHI65561 PRE65560:PRE65561 QBA65560:QBA65561 QKW65560:QKW65561 QUS65560:QUS65561 REO65560:REO65561 ROK65560:ROK65561 RYG65560:RYG65561 SIC65560:SIC65561 SRY65560:SRY65561 TBU65560:TBU65561 TLQ65560:TLQ65561 TVM65560:TVM65561 UFI65560:UFI65561 UPE65560:UPE65561 UZA65560:UZA65561 VIW65560:VIW65561 VSS65560:VSS65561 WCO65560:WCO65561 WMK65560:WMK65561 WWG65560:WWG65561 Y131096:Y131097 JU131096:JU131097 TQ131096:TQ131097 ADM131096:ADM131097 ANI131096:ANI131097 AXE131096:AXE131097 BHA131096:BHA131097 BQW131096:BQW131097 CAS131096:CAS131097 CKO131096:CKO131097 CUK131096:CUK131097 DEG131096:DEG131097 DOC131096:DOC131097 DXY131096:DXY131097 EHU131096:EHU131097 ERQ131096:ERQ131097 FBM131096:FBM131097 FLI131096:FLI131097 FVE131096:FVE131097 GFA131096:GFA131097 GOW131096:GOW131097 GYS131096:GYS131097 HIO131096:HIO131097 HSK131096:HSK131097 ICG131096:ICG131097 IMC131096:IMC131097 IVY131096:IVY131097 JFU131096:JFU131097 JPQ131096:JPQ131097 JZM131096:JZM131097 KJI131096:KJI131097 KTE131096:KTE131097 LDA131096:LDA131097 LMW131096:LMW131097 LWS131096:LWS131097 MGO131096:MGO131097 MQK131096:MQK131097 NAG131096:NAG131097 NKC131096:NKC131097 NTY131096:NTY131097 ODU131096:ODU131097 ONQ131096:ONQ131097 OXM131096:OXM131097 PHI131096:PHI131097 PRE131096:PRE131097 QBA131096:QBA131097 QKW131096:QKW131097 QUS131096:QUS131097 REO131096:REO131097 ROK131096:ROK131097 RYG131096:RYG131097 SIC131096:SIC131097 SRY131096:SRY131097 TBU131096:TBU131097 TLQ131096:TLQ131097 TVM131096:TVM131097 UFI131096:UFI131097 UPE131096:UPE131097 UZA131096:UZA131097 VIW131096:VIW131097 VSS131096:VSS131097 WCO131096:WCO131097 WMK131096:WMK131097 WWG131096:WWG131097 Y196632:Y196633 JU196632:JU196633 TQ196632:TQ196633 ADM196632:ADM196633 ANI196632:ANI196633 AXE196632:AXE196633 BHA196632:BHA196633 BQW196632:BQW196633 CAS196632:CAS196633 CKO196632:CKO196633 CUK196632:CUK196633 DEG196632:DEG196633 DOC196632:DOC196633 DXY196632:DXY196633 EHU196632:EHU196633 ERQ196632:ERQ196633 FBM196632:FBM196633 FLI196632:FLI196633 FVE196632:FVE196633 GFA196632:GFA196633 GOW196632:GOW196633 GYS196632:GYS196633 HIO196632:HIO196633 HSK196632:HSK196633 ICG196632:ICG196633 IMC196632:IMC196633 IVY196632:IVY196633 JFU196632:JFU196633 JPQ196632:JPQ196633 JZM196632:JZM196633 KJI196632:KJI196633 KTE196632:KTE196633 LDA196632:LDA196633 LMW196632:LMW196633 LWS196632:LWS196633 MGO196632:MGO196633 MQK196632:MQK196633 NAG196632:NAG196633 NKC196632:NKC196633 NTY196632:NTY196633 ODU196632:ODU196633 ONQ196632:ONQ196633 OXM196632:OXM196633 PHI196632:PHI196633 PRE196632:PRE196633 QBA196632:QBA196633 QKW196632:QKW196633 QUS196632:QUS196633 REO196632:REO196633 ROK196632:ROK196633 RYG196632:RYG196633 SIC196632:SIC196633 SRY196632:SRY196633 TBU196632:TBU196633 TLQ196632:TLQ196633 TVM196632:TVM196633 UFI196632:UFI196633 UPE196632:UPE196633 UZA196632:UZA196633 VIW196632:VIW196633 VSS196632:VSS196633 WCO196632:WCO196633 WMK196632:WMK196633 WWG196632:WWG196633 Y262168:Y262169 JU262168:JU262169 TQ262168:TQ262169 ADM262168:ADM262169 ANI262168:ANI262169 AXE262168:AXE262169 BHA262168:BHA262169 BQW262168:BQW262169 CAS262168:CAS262169 CKO262168:CKO262169 CUK262168:CUK262169 DEG262168:DEG262169 DOC262168:DOC262169 DXY262168:DXY262169 EHU262168:EHU262169 ERQ262168:ERQ262169 FBM262168:FBM262169 FLI262168:FLI262169 FVE262168:FVE262169 GFA262168:GFA262169 GOW262168:GOW262169 GYS262168:GYS262169 HIO262168:HIO262169 HSK262168:HSK262169 ICG262168:ICG262169 IMC262168:IMC262169 IVY262168:IVY262169 JFU262168:JFU262169 JPQ262168:JPQ262169 JZM262168:JZM262169 KJI262168:KJI262169 KTE262168:KTE262169 LDA262168:LDA262169 LMW262168:LMW262169 LWS262168:LWS262169 MGO262168:MGO262169 MQK262168:MQK262169 NAG262168:NAG262169 NKC262168:NKC262169 NTY262168:NTY262169 ODU262168:ODU262169 ONQ262168:ONQ262169 OXM262168:OXM262169 PHI262168:PHI262169 PRE262168:PRE262169 QBA262168:QBA262169 QKW262168:QKW262169 QUS262168:QUS262169 REO262168:REO262169 ROK262168:ROK262169 RYG262168:RYG262169 SIC262168:SIC262169 SRY262168:SRY262169 TBU262168:TBU262169 TLQ262168:TLQ262169 TVM262168:TVM262169 UFI262168:UFI262169 UPE262168:UPE262169 UZA262168:UZA262169 VIW262168:VIW262169 VSS262168:VSS262169 WCO262168:WCO262169 WMK262168:WMK262169 WWG262168:WWG262169 Y327704:Y327705 JU327704:JU327705 TQ327704:TQ327705 ADM327704:ADM327705 ANI327704:ANI327705 AXE327704:AXE327705 BHA327704:BHA327705 BQW327704:BQW327705 CAS327704:CAS327705 CKO327704:CKO327705 CUK327704:CUK327705 DEG327704:DEG327705 DOC327704:DOC327705 DXY327704:DXY327705 EHU327704:EHU327705 ERQ327704:ERQ327705 FBM327704:FBM327705 FLI327704:FLI327705 FVE327704:FVE327705 GFA327704:GFA327705 GOW327704:GOW327705 GYS327704:GYS327705 HIO327704:HIO327705 HSK327704:HSK327705 ICG327704:ICG327705 IMC327704:IMC327705 IVY327704:IVY327705 JFU327704:JFU327705 JPQ327704:JPQ327705 JZM327704:JZM327705 KJI327704:KJI327705 KTE327704:KTE327705 LDA327704:LDA327705 LMW327704:LMW327705 LWS327704:LWS327705 MGO327704:MGO327705 MQK327704:MQK327705 NAG327704:NAG327705 NKC327704:NKC327705 NTY327704:NTY327705 ODU327704:ODU327705 ONQ327704:ONQ327705 OXM327704:OXM327705 PHI327704:PHI327705 PRE327704:PRE327705 QBA327704:QBA327705 QKW327704:QKW327705 QUS327704:QUS327705 REO327704:REO327705 ROK327704:ROK327705 RYG327704:RYG327705 SIC327704:SIC327705 SRY327704:SRY327705 TBU327704:TBU327705 TLQ327704:TLQ327705 TVM327704:TVM327705 UFI327704:UFI327705 UPE327704:UPE327705 UZA327704:UZA327705 VIW327704:VIW327705 VSS327704:VSS327705 WCO327704:WCO327705 WMK327704:WMK327705 WWG327704:WWG327705 Y393240:Y393241 JU393240:JU393241 TQ393240:TQ393241 ADM393240:ADM393241 ANI393240:ANI393241 AXE393240:AXE393241 BHA393240:BHA393241 BQW393240:BQW393241 CAS393240:CAS393241 CKO393240:CKO393241 CUK393240:CUK393241 DEG393240:DEG393241 DOC393240:DOC393241 DXY393240:DXY393241 EHU393240:EHU393241 ERQ393240:ERQ393241 FBM393240:FBM393241 FLI393240:FLI393241 FVE393240:FVE393241 GFA393240:GFA393241 GOW393240:GOW393241 GYS393240:GYS393241 HIO393240:HIO393241 HSK393240:HSK393241 ICG393240:ICG393241 IMC393240:IMC393241 IVY393240:IVY393241 JFU393240:JFU393241 JPQ393240:JPQ393241 JZM393240:JZM393241 KJI393240:KJI393241 KTE393240:KTE393241 LDA393240:LDA393241 LMW393240:LMW393241 LWS393240:LWS393241 MGO393240:MGO393241 MQK393240:MQK393241 NAG393240:NAG393241 NKC393240:NKC393241 NTY393240:NTY393241 ODU393240:ODU393241 ONQ393240:ONQ393241 OXM393240:OXM393241 PHI393240:PHI393241 PRE393240:PRE393241 QBA393240:QBA393241 QKW393240:QKW393241 QUS393240:QUS393241 REO393240:REO393241 ROK393240:ROK393241 RYG393240:RYG393241 SIC393240:SIC393241 SRY393240:SRY393241 TBU393240:TBU393241 TLQ393240:TLQ393241 TVM393240:TVM393241 UFI393240:UFI393241 UPE393240:UPE393241 UZA393240:UZA393241 VIW393240:VIW393241 VSS393240:VSS393241 WCO393240:WCO393241 WMK393240:WMK393241 WWG393240:WWG393241 Y458776:Y458777 JU458776:JU458777 TQ458776:TQ458777 ADM458776:ADM458777 ANI458776:ANI458777 AXE458776:AXE458777 BHA458776:BHA458777 BQW458776:BQW458777 CAS458776:CAS458777 CKO458776:CKO458777 CUK458776:CUK458777 DEG458776:DEG458777 DOC458776:DOC458777 DXY458776:DXY458777 EHU458776:EHU458777 ERQ458776:ERQ458777 FBM458776:FBM458777 FLI458776:FLI458777 FVE458776:FVE458777 GFA458776:GFA458777 GOW458776:GOW458777 GYS458776:GYS458777 HIO458776:HIO458777 HSK458776:HSK458777 ICG458776:ICG458777 IMC458776:IMC458777 IVY458776:IVY458777 JFU458776:JFU458777 JPQ458776:JPQ458777 JZM458776:JZM458777 KJI458776:KJI458777 KTE458776:KTE458777 LDA458776:LDA458777 LMW458776:LMW458777 LWS458776:LWS458777 MGO458776:MGO458777 MQK458776:MQK458777 NAG458776:NAG458777 NKC458776:NKC458777 NTY458776:NTY458777 ODU458776:ODU458777 ONQ458776:ONQ458777 OXM458776:OXM458777 PHI458776:PHI458777 PRE458776:PRE458777 QBA458776:QBA458777 QKW458776:QKW458777 QUS458776:QUS458777 REO458776:REO458777 ROK458776:ROK458777 RYG458776:RYG458777 SIC458776:SIC458777 SRY458776:SRY458777 TBU458776:TBU458777 TLQ458776:TLQ458777 TVM458776:TVM458777 UFI458776:UFI458777 UPE458776:UPE458777 UZA458776:UZA458777 VIW458776:VIW458777 VSS458776:VSS458777 WCO458776:WCO458777 WMK458776:WMK458777 WWG458776:WWG458777 Y524312:Y524313 JU524312:JU524313 TQ524312:TQ524313 ADM524312:ADM524313 ANI524312:ANI524313 AXE524312:AXE524313 BHA524312:BHA524313 BQW524312:BQW524313 CAS524312:CAS524313 CKO524312:CKO524313 CUK524312:CUK524313 DEG524312:DEG524313 DOC524312:DOC524313 DXY524312:DXY524313 EHU524312:EHU524313 ERQ524312:ERQ524313 FBM524312:FBM524313 FLI524312:FLI524313 FVE524312:FVE524313 GFA524312:GFA524313 GOW524312:GOW524313 GYS524312:GYS524313 HIO524312:HIO524313 HSK524312:HSK524313 ICG524312:ICG524313 IMC524312:IMC524313 IVY524312:IVY524313 JFU524312:JFU524313 JPQ524312:JPQ524313 JZM524312:JZM524313 KJI524312:KJI524313 KTE524312:KTE524313 LDA524312:LDA524313 LMW524312:LMW524313 LWS524312:LWS524313 MGO524312:MGO524313 MQK524312:MQK524313 NAG524312:NAG524313 NKC524312:NKC524313 NTY524312:NTY524313 ODU524312:ODU524313 ONQ524312:ONQ524313 OXM524312:OXM524313 PHI524312:PHI524313 PRE524312:PRE524313 QBA524312:QBA524313 QKW524312:QKW524313 QUS524312:QUS524313 REO524312:REO524313 ROK524312:ROK524313 RYG524312:RYG524313 SIC524312:SIC524313 SRY524312:SRY524313 TBU524312:TBU524313 TLQ524312:TLQ524313 TVM524312:TVM524313 UFI524312:UFI524313 UPE524312:UPE524313 UZA524312:UZA524313 VIW524312:VIW524313 VSS524312:VSS524313 WCO524312:WCO524313 WMK524312:WMK524313 WWG524312:WWG524313 Y589848:Y589849 JU589848:JU589849 TQ589848:TQ589849 ADM589848:ADM589849 ANI589848:ANI589849 AXE589848:AXE589849 BHA589848:BHA589849 BQW589848:BQW589849 CAS589848:CAS589849 CKO589848:CKO589849 CUK589848:CUK589849 DEG589848:DEG589849 DOC589848:DOC589849 DXY589848:DXY589849 EHU589848:EHU589849 ERQ589848:ERQ589849 FBM589848:FBM589849 FLI589848:FLI589849 FVE589848:FVE589849 GFA589848:GFA589849 GOW589848:GOW589849 GYS589848:GYS589849 HIO589848:HIO589849 HSK589848:HSK589849 ICG589848:ICG589849 IMC589848:IMC589849 IVY589848:IVY589849 JFU589848:JFU589849 JPQ589848:JPQ589849 JZM589848:JZM589849 KJI589848:KJI589849 KTE589848:KTE589849 LDA589848:LDA589849 LMW589848:LMW589849 LWS589848:LWS589849 MGO589848:MGO589849 MQK589848:MQK589849 NAG589848:NAG589849 NKC589848:NKC589849 NTY589848:NTY589849 ODU589848:ODU589849 ONQ589848:ONQ589849 OXM589848:OXM589849 PHI589848:PHI589849 PRE589848:PRE589849 QBA589848:QBA589849 QKW589848:QKW589849 QUS589848:QUS589849 REO589848:REO589849 ROK589848:ROK589849 RYG589848:RYG589849 SIC589848:SIC589849 SRY589848:SRY589849 TBU589848:TBU589849 TLQ589848:TLQ589849 TVM589848:TVM589849 UFI589848:UFI589849 UPE589848:UPE589849 UZA589848:UZA589849 VIW589848:VIW589849 VSS589848:VSS589849 WCO589848:WCO589849 WMK589848:WMK589849 WWG589848:WWG589849 Y655384:Y655385 JU655384:JU655385 TQ655384:TQ655385 ADM655384:ADM655385 ANI655384:ANI655385 AXE655384:AXE655385 BHA655384:BHA655385 BQW655384:BQW655385 CAS655384:CAS655385 CKO655384:CKO655385 CUK655384:CUK655385 DEG655384:DEG655385 DOC655384:DOC655385 DXY655384:DXY655385 EHU655384:EHU655385 ERQ655384:ERQ655385 FBM655384:FBM655385 FLI655384:FLI655385 FVE655384:FVE655385 GFA655384:GFA655385 GOW655384:GOW655385 GYS655384:GYS655385 HIO655384:HIO655385 HSK655384:HSK655385 ICG655384:ICG655385 IMC655384:IMC655385 IVY655384:IVY655385 JFU655384:JFU655385 JPQ655384:JPQ655385 JZM655384:JZM655385 KJI655384:KJI655385 KTE655384:KTE655385 LDA655384:LDA655385 LMW655384:LMW655385 LWS655384:LWS655385 MGO655384:MGO655385 MQK655384:MQK655385 NAG655384:NAG655385 NKC655384:NKC655385 NTY655384:NTY655385 ODU655384:ODU655385 ONQ655384:ONQ655385 OXM655384:OXM655385 PHI655384:PHI655385 PRE655384:PRE655385 QBA655384:QBA655385 QKW655384:QKW655385 QUS655384:QUS655385 REO655384:REO655385 ROK655384:ROK655385 RYG655384:RYG655385 SIC655384:SIC655385 SRY655384:SRY655385 TBU655384:TBU655385 TLQ655384:TLQ655385 TVM655384:TVM655385 UFI655384:UFI655385 UPE655384:UPE655385 UZA655384:UZA655385 VIW655384:VIW655385 VSS655384:VSS655385 WCO655384:WCO655385 WMK655384:WMK655385 WWG655384:WWG655385 Y720920:Y720921 JU720920:JU720921 TQ720920:TQ720921 ADM720920:ADM720921 ANI720920:ANI720921 AXE720920:AXE720921 BHA720920:BHA720921 BQW720920:BQW720921 CAS720920:CAS720921 CKO720920:CKO720921 CUK720920:CUK720921 DEG720920:DEG720921 DOC720920:DOC720921 DXY720920:DXY720921 EHU720920:EHU720921 ERQ720920:ERQ720921 FBM720920:FBM720921 FLI720920:FLI720921 FVE720920:FVE720921 GFA720920:GFA720921 GOW720920:GOW720921 GYS720920:GYS720921 HIO720920:HIO720921 HSK720920:HSK720921 ICG720920:ICG720921 IMC720920:IMC720921 IVY720920:IVY720921 JFU720920:JFU720921 JPQ720920:JPQ720921 JZM720920:JZM720921 KJI720920:KJI720921 KTE720920:KTE720921 LDA720920:LDA720921 LMW720920:LMW720921 LWS720920:LWS720921 MGO720920:MGO720921 MQK720920:MQK720921 NAG720920:NAG720921 NKC720920:NKC720921 NTY720920:NTY720921 ODU720920:ODU720921 ONQ720920:ONQ720921 OXM720920:OXM720921 PHI720920:PHI720921 PRE720920:PRE720921 QBA720920:QBA720921 QKW720920:QKW720921 QUS720920:QUS720921 REO720920:REO720921 ROK720920:ROK720921 RYG720920:RYG720921 SIC720920:SIC720921 SRY720920:SRY720921 TBU720920:TBU720921 TLQ720920:TLQ720921 TVM720920:TVM720921 UFI720920:UFI720921 UPE720920:UPE720921 UZA720920:UZA720921 VIW720920:VIW720921 VSS720920:VSS720921 WCO720920:WCO720921 WMK720920:WMK720921 WWG720920:WWG720921 Y786456:Y786457 JU786456:JU786457 TQ786456:TQ786457 ADM786456:ADM786457 ANI786456:ANI786457 AXE786456:AXE786457 BHA786456:BHA786457 BQW786456:BQW786457 CAS786456:CAS786457 CKO786456:CKO786457 CUK786456:CUK786457 DEG786456:DEG786457 DOC786456:DOC786457 DXY786456:DXY786457 EHU786456:EHU786457 ERQ786456:ERQ786457 FBM786456:FBM786457 FLI786456:FLI786457 FVE786456:FVE786457 GFA786456:GFA786457 GOW786456:GOW786457 GYS786456:GYS786457 HIO786456:HIO786457 HSK786456:HSK786457 ICG786456:ICG786457 IMC786456:IMC786457 IVY786456:IVY786457 JFU786456:JFU786457 JPQ786456:JPQ786457 JZM786456:JZM786457 KJI786456:KJI786457 KTE786456:KTE786457 LDA786456:LDA786457 LMW786456:LMW786457 LWS786456:LWS786457 MGO786456:MGO786457 MQK786456:MQK786457 NAG786456:NAG786457 NKC786456:NKC786457 NTY786456:NTY786457 ODU786456:ODU786457 ONQ786456:ONQ786457 OXM786456:OXM786457 PHI786456:PHI786457 PRE786456:PRE786457 QBA786456:QBA786457 QKW786456:QKW786457 QUS786456:QUS786457 REO786456:REO786457 ROK786456:ROK786457 RYG786456:RYG786457 SIC786456:SIC786457 SRY786456:SRY786457 TBU786456:TBU786457 TLQ786456:TLQ786457 TVM786456:TVM786457 UFI786456:UFI786457 UPE786456:UPE786457 UZA786456:UZA786457 VIW786456:VIW786457 VSS786456:VSS786457 WCO786456:WCO786457 WMK786456:WMK786457 WWG786456:WWG786457 Y851992:Y851993 JU851992:JU851993 TQ851992:TQ851993 ADM851992:ADM851993 ANI851992:ANI851993 AXE851992:AXE851993 BHA851992:BHA851993 BQW851992:BQW851993 CAS851992:CAS851993 CKO851992:CKO851993 CUK851992:CUK851993 DEG851992:DEG851993 DOC851992:DOC851993 DXY851992:DXY851993 EHU851992:EHU851993 ERQ851992:ERQ851993 FBM851992:FBM851993 FLI851992:FLI851993 FVE851992:FVE851993 GFA851992:GFA851993 GOW851992:GOW851993 GYS851992:GYS851993 HIO851992:HIO851993 HSK851992:HSK851993 ICG851992:ICG851993 IMC851992:IMC851993 IVY851992:IVY851993 JFU851992:JFU851993 JPQ851992:JPQ851993 JZM851992:JZM851993 KJI851992:KJI851993 KTE851992:KTE851993 LDA851992:LDA851993 LMW851992:LMW851993 LWS851992:LWS851993 MGO851992:MGO851993 MQK851992:MQK851993 NAG851992:NAG851993 NKC851992:NKC851993 NTY851992:NTY851993 ODU851992:ODU851993 ONQ851992:ONQ851993 OXM851992:OXM851993 PHI851992:PHI851993 PRE851992:PRE851993 QBA851992:QBA851993 QKW851992:QKW851993 QUS851992:QUS851993 REO851992:REO851993 ROK851992:ROK851993 RYG851992:RYG851993 SIC851992:SIC851993 SRY851992:SRY851993 TBU851992:TBU851993 TLQ851992:TLQ851993 TVM851992:TVM851993 UFI851992:UFI851993 UPE851992:UPE851993 UZA851992:UZA851993 VIW851992:VIW851993 VSS851992:VSS851993 WCO851992:WCO851993 WMK851992:WMK851993 WWG851992:WWG851993 Y917528:Y917529 JU917528:JU917529 TQ917528:TQ917529 ADM917528:ADM917529 ANI917528:ANI917529 AXE917528:AXE917529 BHA917528:BHA917529 BQW917528:BQW917529 CAS917528:CAS917529 CKO917528:CKO917529 CUK917528:CUK917529 DEG917528:DEG917529 DOC917528:DOC917529 DXY917528:DXY917529 EHU917528:EHU917529 ERQ917528:ERQ917529 FBM917528:FBM917529 FLI917528:FLI917529 FVE917528:FVE917529 GFA917528:GFA917529 GOW917528:GOW917529 GYS917528:GYS917529 HIO917528:HIO917529 HSK917528:HSK917529 ICG917528:ICG917529 IMC917528:IMC917529 IVY917528:IVY917529 JFU917528:JFU917529 JPQ917528:JPQ917529 JZM917528:JZM917529 KJI917528:KJI917529 KTE917528:KTE917529 LDA917528:LDA917529 LMW917528:LMW917529 LWS917528:LWS917529 MGO917528:MGO917529 MQK917528:MQK917529 NAG917528:NAG917529 NKC917528:NKC917529 NTY917528:NTY917529 ODU917528:ODU917529 ONQ917528:ONQ917529 OXM917528:OXM917529 PHI917528:PHI917529 PRE917528:PRE917529 QBA917528:QBA917529 QKW917528:QKW917529 QUS917528:QUS917529 REO917528:REO917529 ROK917528:ROK917529 RYG917528:RYG917529 SIC917528:SIC917529 SRY917528:SRY917529 TBU917528:TBU917529 TLQ917528:TLQ917529 TVM917528:TVM917529 UFI917528:UFI917529 UPE917528:UPE917529 UZA917528:UZA917529 VIW917528:VIW917529 VSS917528:VSS917529 WCO917528:WCO917529 WMK917528:WMK917529 WWG917528:WWG917529 Y983064:Y983065 JU983064:JU983065 TQ983064:TQ983065 ADM983064:ADM983065 ANI983064:ANI983065 AXE983064:AXE983065 BHA983064:BHA983065 BQW983064:BQW983065 CAS983064:CAS983065 CKO983064:CKO983065 CUK983064:CUK983065 DEG983064:DEG983065 DOC983064:DOC983065 DXY983064:DXY983065 EHU983064:EHU983065 ERQ983064:ERQ983065 FBM983064:FBM983065 FLI983064:FLI983065 FVE983064:FVE983065 GFA983064:GFA983065 GOW983064:GOW983065 GYS983064:GYS983065 HIO983064:HIO983065 HSK983064:HSK983065 ICG983064:ICG983065 IMC983064:IMC983065 IVY983064:IVY983065 JFU983064:JFU983065 JPQ983064:JPQ983065 JZM983064:JZM983065 KJI983064:KJI983065 KTE983064:KTE983065 LDA983064:LDA983065 LMW983064:LMW983065 LWS983064:LWS983065 MGO983064:MGO983065 MQK983064:MQK983065 NAG983064:NAG983065 NKC983064:NKC983065 NTY983064:NTY983065 ODU983064:ODU983065 ONQ983064:ONQ983065 OXM983064:OXM983065 PHI983064:PHI983065 PRE983064:PRE983065 QBA983064:QBA983065 QKW983064:QKW983065 QUS983064:QUS983065 REO983064:REO983065 ROK983064:ROK983065 RYG983064:RYG983065 SIC983064:SIC983065 SRY983064:SRY983065 TBU983064:TBU983065 TLQ983064:TLQ983065 TVM983064:TVM983065 UFI983064:UFI983065 UPE983064:UPE983065 UZA983064:UZA983065 VIW983064:VIW983065 VSS983064:VSS983065 WCO983064:WCO983065 WMK983064:WMK983065 WWG983064:WWG983065 AC24:AC25 JY24:JY25 TU24:TU25 ADQ24:ADQ25 ANM24:ANM25 AXI24:AXI25 BHE24:BHE25 BRA24:BRA25 CAW24:CAW25 CKS24:CKS25 CUO24:CUO25 DEK24:DEK25 DOG24:DOG25 DYC24:DYC25 EHY24:EHY25 ERU24:ERU25 FBQ24:FBQ25 FLM24:FLM25 FVI24:FVI25 GFE24:GFE25 GPA24:GPA25 GYW24:GYW25 HIS24:HIS25 HSO24:HSO25 ICK24:ICK25 IMG24:IMG25 IWC24:IWC25 JFY24:JFY25 JPU24:JPU25 JZQ24:JZQ25 KJM24:KJM25 KTI24:KTI25 LDE24:LDE25 LNA24:LNA25 LWW24:LWW25 MGS24:MGS25 MQO24:MQO25 NAK24:NAK25 NKG24:NKG25 NUC24:NUC25 ODY24:ODY25 ONU24:ONU25 OXQ24:OXQ25 PHM24:PHM25 PRI24:PRI25 QBE24:QBE25 QLA24:QLA25 QUW24:QUW25 RES24:RES25 ROO24:ROO25 RYK24:RYK25 SIG24:SIG25 SSC24:SSC25 TBY24:TBY25 TLU24:TLU25 TVQ24:TVQ25 UFM24:UFM25 UPI24:UPI25 UZE24:UZE25 VJA24:VJA25 VSW24:VSW25 WCS24:WCS25 WMO24:WMO25 WWK24:WWK25 AC65560:AC65561 JY65560:JY65561 TU65560:TU65561 ADQ65560:ADQ65561 ANM65560:ANM65561 AXI65560:AXI65561 BHE65560:BHE65561 BRA65560:BRA65561 CAW65560:CAW65561 CKS65560:CKS65561 CUO65560:CUO65561 DEK65560:DEK65561 DOG65560:DOG65561 DYC65560:DYC65561 EHY65560:EHY65561 ERU65560:ERU65561 FBQ65560:FBQ65561 FLM65560:FLM65561 FVI65560:FVI65561 GFE65560:GFE65561 GPA65560:GPA65561 GYW65560:GYW65561 HIS65560:HIS65561 HSO65560:HSO65561 ICK65560:ICK65561 IMG65560:IMG65561 IWC65560:IWC65561 JFY65560:JFY65561 JPU65560:JPU65561 JZQ65560:JZQ65561 KJM65560:KJM65561 KTI65560:KTI65561 LDE65560:LDE65561 LNA65560:LNA65561 LWW65560:LWW65561 MGS65560:MGS65561 MQO65560:MQO65561 NAK65560:NAK65561 NKG65560:NKG65561 NUC65560:NUC65561 ODY65560:ODY65561 ONU65560:ONU65561 OXQ65560:OXQ65561 PHM65560:PHM65561 PRI65560:PRI65561 QBE65560:QBE65561 QLA65560:QLA65561 QUW65560:QUW65561 RES65560:RES65561 ROO65560:ROO65561 RYK65560:RYK65561 SIG65560:SIG65561 SSC65560:SSC65561 TBY65560:TBY65561 TLU65560:TLU65561 TVQ65560:TVQ65561 UFM65560:UFM65561 UPI65560:UPI65561 UZE65560:UZE65561 VJA65560:VJA65561 VSW65560:VSW65561 WCS65560:WCS65561 WMO65560:WMO65561 WWK65560:WWK65561 AC131096:AC131097 JY131096:JY131097 TU131096:TU131097 ADQ131096:ADQ131097 ANM131096:ANM131097 AXI131096:AXI131097 BHE131096:BHE131097 BRA131096:BRA131097 CAW131096:CAW131097 CKS131096:CKS131097 CUO131096:CUO131097 DEK131096:DEK131097 DOG131096:DOG131097 DYC131096:DYC131097 EHY131096:EHY131097 ERU131096:ERU131097 FBQ131096:FBQ131097 FLM131096:FLM131097 FVI131096:FVI131097 GFE131096:GFE131097 GPA131096:GPA131097 GYW131096:GYW131097 HIS131096:HIS131097 HSO131096:HSO131097 ICK131096:ICK131097 IMG131096:IMG131097 IWC131096:IWC131097 JFY131096:JFY131097 JPU131096:JPU131097 JZQ131096:JZQ131097 KJM131096:KJM131097 KTI131096:KTI131097 LDE131096:LDE131097 LNA131096:LNA131097 LWW131096:LWW131097 MGS131096:MGS131097 MQO131096:MQO131097 NAK131096:NAK131097 NKG131096:NKG131097 NUC131096:NUC131097 ODY131096:ODY131097 ONU131096:ONU131097 OXQ131096:OXQ131097 PHM131096:PHM131097 PRI131096:PRI131097 QBE131096:QBE131097 QLA131096:QLA131097 QUW131096:QUW131097 RES131096:RES131097 ROO131096:ROO131097 RYK131096:RYK131097 SIG131096:SIG131097 SSC131096:SSC131097 TBY131096:TBY131097 TLU131096:TLU131097 TVQ131096:TVQ131097 UFM131096:UFM131097 UPI131096:UPI131097 UZE131096:UZE131097 VJA131096:VJA131097 VSW131096:VSW131097 WCS131096:WCS131097 WMO131096:WMO131097 WWK131096:WWK131097 AC196632:AC196633 JY196632:JY196633 TU196632:TU196633 ADQ196632:ADQ196633 ANM196632:ANM196633 AXI196632:AXI196633 BHE196632:BHE196633 BRA196632:BRA196633 CAW196632:CAW196633 CKS196632:CKS196633 CUO196632:CUO196633 DEK196632:DEK196633 DOG196632:DOG196633 DYC196632:DYC196633 EHY196632:EHY196633 ERU196632:ERU196633 FBQ196632:FBQ196633 FLM196632:FLM196633 FVI196632:FVI196633 GFE196632:GFE196633 GPA196632:GPA196633 GYW196632:GYW196633 HIS196632:HIS196633 HSO196632:HSO196633 ICK196632:ICK196633 IMG196632:IMG196633 IWC196632:IWC196633 JFY196632:JFY196633 JPU196632:JPU196633 JZQ196632:JZQ196633 KJM196632:KJM196633 KTI196632:KTI196633 LDE196632:LDE196633 LNA196632:LNA196633 LWW196632:LWW196633 MGS196632:MGS196633 MQO196632:MQO196633 NAK196632:NAK196633 NKG196632:NKG196633 NUC196632:NUC196633 ODY196632:ODY196633 ONU196632:ONU196633 OXQ196632:OXQ196633 PHM196632:PHM196633 PRI196632:PRI196633 QBE196632:QBE196633 QLA196632:QLA196633 QUW196632:QUW196633 RES196632:RES196633 ROO196632:ROO196633 RYK196632:RYK196633 SIG196632:SIG196633 SSC196632:SSC196633 TBY196632:TBY196633 TLU196632:TLU196633 TVQ196632:TVQ196633 UFM196632:UFM196633 UPI196632:UPI196633 UZE196632:UZE196633 VJA196632:VJA196633 VSW196632:VSW196633 WCS196632:WCS196633 WMO196632:WMO196633 WWK196632:WWK196633 AC262168:AC262169 JY262168:JY262169 TU262168:TU262169 ADQ262168:ADQ262169 ANM262168:ANM262169 AXI262168:AXI262169 BHE262168:BHE262169 BRA262168:BRA262169 CAW262168:CAW262169 CKS262168:CKS262169 CUO262168:CUO262169 DEK262168:DEK262169 DOG262168:DOG262169 DYC262168:DYC262169 EHY262168:EHY262169 ERU262168:ERU262169 FBQ262168:FBQ262169 FLM262168:FLM262169 FVI262168:FVI262169 GFE262168:GFE262169 GPA262168:GPA262169 GYW262168:GYW262169 HIS262168:HIS262169 HSO262168:HSO262169 ICK262168:ICK262169 IMG262168:IMG262169 IWC262168:IWC262169 JFY262168:JFY262169 JPU262168:JPU262169 JZQ262168:JZQ262169 KJM262168:KJM262169 KTI262168:KTI262169 LDE262168:LDE262169 LNA262168:LNA262169 LWW262168:LWW262169 MGS262168:MGS262169 MQO262168:MQO262169 NAK262168:NAK262169 NKG262168:NKG262169 NUC262168:NUC262169 ODY262168:ODY262169 ONU262168:ONU262169 OXQ262168:OXQ262169 PHM262168:PHM262169 PRI262168:PRI262169 QBE262168:QBE262169 QLA262168:QLA262169 QUW262168:QUW262169 RES262168:RES262169 ROO262168:ROO262169 RYK262168:RYK262169 SIG262168:SIG262169 SSC262168:SSC262169 TBY262168:TBY262169 TLU262168:TLU262169 TVQ262168:TVQ262169 UFM262168:UFM262169 UPI262168:UPI262169 UZE262168:UZE262169 VJA262168:VJA262169 VSW262168:VSW262169 WCS262168:WCS262169 WMO262168:WMO262169 WWK262168:WWK262169 AC327704:AC327705 JY327704:JY327705 TU327704:TU327705 ADQ327704:ADQ327705 ANM327704:ANM327705 AXI327704:AXI327705 BHE327704:BHE327705 BRA327704:BRA327705 CAW327704:CAW327705 CKS327704:CKS327705 CUO327704:CUO327705 DEK327704:DEK327705 DOG327704:DOG327705 DYC327704:DYC327705 EHY327704:EHY327705 ERU327704:ERU327705 FBQ327704:FBQ327705 FLM327704:FLM327705 FVI327704:FVI327705 GFE327704:GFE327705 GPA327704:GPA327705 GYW327704:GYW327705 HIS327704:HIS327705 HSO327704:HSO327705 ICK327704:ICK327705 IMG327704:IMG327705 IWC327704:IWC327705 JFY327704:JFY327705 JPU327704:JPU327705 JZQ327704:JZQ327705 KJM327704:KJM327705 KTI327704:KTI327705 LDE327704:LDE327705 LNA327704:LNA327705 LWW327704:LWW327705 MGS327704:MGS327705 MQO327704:MQO327705 NAK327704:NAK327705 NKG327704:NKG327705 NUC327704:NUC327705 ODY327704:ODY327705 ONU327704:ONU327705 OXQ327704:OXQ327705 PHM327704:PHM327705 PRI327704:PRI327705 QBE327704:QBE327705 QLA327704:QLA327705 QUW327704:QUW327705 RES327704:RES327705 ROO327704:ROO327705 RYK327704:RYK327705 SIG327704:SIG327705 SSC327704:SSC327705 TBY327704:TBY327705 TLU327704:TLU327705 TVQ327704:TVQ327705 UFM327704:UFM327705 UPI327704:UPI327705 UZE327704:UZE327705 VJA327704:VJA327705 VSW327704:VSW327705 WCS327704:WCS327705 WMO327704:WMO327705 WWK327704:WWK327705 AC393240:AC393241 JY393240:JY393241 TU393240:TU393241 ADQ393240:ADQ393241 ANM393240:ANM393241 AXI393240:AXI393241 BHE393240:BHE393241 BRA393240:BRA393241 CAW393240:CAW393241 CKS393240:CKS393241 CUO393240:CUO393241 DEK393240:DEK393241 DOG393240:DOG393241 DYC393240:DYC393241 EHY393240:EHY393241 ERU393240:ERU393241 FBQ393240:FBQ393241 FLM393240:FLM393241 FVI393240:FVI393241 GFE393240:GFE393241 GPA393240:GPA393241 GYW393240:GYW393241 HIS393240:HIS393241 HSO393240:HSO393241 ICK393240:ICK393241 IMG393240:IMG393241 IWC393240:IWC393241 JFY393240:JFY393241 JPU393240:JPU393241 JZQ393240:JZQ393241 KJM393240:KJM393241 KTI393240:KTI393241 LDE393240:LDE393241 LNA393240:LNA393241 LWW393240:LWW393241 MGS393240:MGS393241 MQO393240:MQO393241 NAK393240:NAK393241 NKG393240:NKG393241 NUC393240:NUC393241 ODY393240:ODY393241 ONU393240:ONU393241 OXQ393240:OXQ393241 PHM393240:PHM393241 PRI393240:PRI393241 QBE393240:QBE393241 QLA393240:QLA393241 QUW393240:QUW393241 RES393240:RES393241 ROO393240:ROO393241 RYK393240:RYK393241 SIG393240:SIG393241 SSC393240:SSC393241 TBY393240:TBY393241 TLU393240:TLU393241 TVQ393240:TVQ393241 UFM393240:UFM393241 UPI393240:UPI393241 UZE393240:UZE393241 VJA393240:VJA393241 VSW393240:VSW393241 WCS393240:WCS393241 WMO393240:WMO393241 WWK393240:WWK393241 AC458776:AC458777 JY458776:JY458777 TU458776:TU458777 ADQ458776:ADQ458777 ANM458776:ANM458777 AXI458776:AXI458777 BHE458776:BHE458777 BRA458776:BRA458777 CAW458776:CAW458777 CKS458776:CKS458777 CUO458776:CUO458777 DEK458776:DEK458777 DOG458776:DOG458777 DYC458776:DYC458777 EHY458776:EHY458777 ERU458776:ERU458777 FBQ458776:FBQ458777 FLM458776:FLM458777 FVI458776:FVI458777 GFE458776:GFE458777 GPA458776:GPA458777 GYW458776:GYW458777 HIS458776:HIS458777 HSO458776:HSO458777 ICK458776:ICK458777 IMG458776:IMG458777 IWC458776:IWC458777 JFY458776:JFY458777 JPU458776:JPU458777 JZQ458776:JZQ458777 KJM458776:KJM458777 KTI458776:KTI458777 LDE458776:LDE458777 LNA458776:LNA458777 LWW458776:LWW458777 MGS458776:MGS458777 MQO458776:MQO458777 NAK458776:NAK458777 NKG458776:NKG458777 NUC458776:NUC458777 ODY458776:ODY458777 ONU458776:ONU458777 OXQ458776:OXQ458777 PHM458776:PHM458777 PRI458776:PRI458777 QBE458776:QBE458777 QLA458776:QLA458777 QUW458776:QUW458777 RES458776:RES458777 ROO458776:ROO458777 RYK458776:RYK458777 SIG458776:SIG458777 SSC458776:SSC458777 TBY458776:TBY458777 TLU458776:TLU458777 TVQ458776:TVQ458777 UFM458776:UFM458777 UPI458776:UPI458777 UZE458776:UZE458777 VJA458776:VJA458777 VSW458776:VSW458777 WCS458776:WCS458777 WMO458776:WMO458777 WWK458776:WWK458777 AC524312:AC524313 JY524312:JY524313 TU524312:TU524313 ADQ524312:ADQ524313 ANM524312:ANM524313 AXI524312:AXI524313 BHE524312:BHE524313 BRA524312:BRA524313 CAW524312:CAW524313 CKS524312:CKS524313 CUO524312:CUO524313 DEK524312:DEK524313 DOG524312:DOG524313 DYC524312:DYC524313 EHY524312:EHY524313 ERU524312:ERU524313 FBQ524312:FBQ524313 FLM524312:FLM524313 FVI524312:FVI524313 GFE524312:GFE524313 GPA524312:GPA524313 GYW524312:GYW524313 HIS524312:HIS524313 HSO524312:HSO524313 ICK524312:ICK524313 IMG524312:IMG524313 IWC524312:IWC524313 JFY524312:JFY524313 JPU524312:JPU524313 JZQ524312:JZQ524313 KJM524312:KJM524313 KTI524312:KTI524313 LDE524312:LDE524313 LNA524312:LNA524313 LWW524312:LWW524313 MGS524312:MGS524313 MQO524312:MQO524313 NAK524312:NAK524313 NKG524312:NKG524313 NUC524312:NUC524313 ODY524312:ODY524313 ONU524312:ONU524313 OXQ524312:OXQ524313 PHM524312:PHM524313 PRI524312:PRI524313 QBE524312:QBE524313 QLA524312:QLA524313 QUW524312:QUW524313 RES524312:RES524313 ROO524312:ROO524313 RYK524312:RYK524313 SIG524312:SIG524313 SSC524312:SSC524313 TBY524312:TBY524313 TLU524312:TLU524313 TVQ524312:TVQ524313 UFM524312:UFM524313 UPI524312:UPI524313 UZE524312:UZE524313 VJA524312:VJA524313 VSW524312:VSW524313 WCS524312:WCS524313 WMO524312:WMO524313 WWK524312:WWK524313 AC589848:AC589849 JY589848:JY589849 TU589848:TU589849 ADQ589848:ADQ589849 ANM589848:ANM589849 AXI589848:AXI589849 BHE589848:BHE589849 BRA589848:BRA589849 CAW589848:CAW589849 CKS589848:CKS589849 CUO589848:CUO589849 DEK589848:DEK589849 DOG589848:DOG589849 DYC589848:DYC589849 EHY589848:EHY589849 ERU589848:ERU589849 FBQ589848:FBQ589849 FLM589848:FLM589849 FVI589848:FVI589849 GFE589848:GFE589849 GPA589848:GPA589849 GYW589848:GYW589849 HIS589848:HIS589849 HSO589848:HSO589849 ICK589848:ICK589849 IMG589848:IMG589849 IWC589848:IWC589849 JFY589848:JFY589849 JPU589848:JPU589849 JZQ589848:JZQ589849 KJM589848:KJM589849 KTI589848:KTI589849 LDE589848:LDE589849 LNA589848:LNA589849 LWW589848:LWW589849 MGS589848:MGS589849 MQO589848:MQO589849 NAK589848:NAK589849 NKG589848:NKG589849 NUC589848:NUC589849 ODY589848:ODY589849 ONU589848:ONU589849 OXQ589848:OXQ589849 PHM589848:PHM589849 PRI589848:PRI589849 QBE589848:QBE589849 QLA589848:QLA589849 QUW589848:QUW589849 RES589848:RES589849 ROO589848:ROO589849 RYK589848:RYK589849 SIG589848:SIG589849 SSC589848:SSC589849 TBY589848:TBY589849 TLU589848:TLU589849 TVQ589848:TVQ589849 UFM589848:UFM589849 UPI589848:UPI589849 UZE589848:UZE589849 VJA589848:VJA589849 VSW589848:VSW589849 WCS589848:WCS589849 WMO589848:WMO589849 WWK589848:WWK589849 AC655384:AC655385 JY655384:JY655385 TU655384:TU655385 ADQ655384:ADQ655385 ANM655384:ANM655385 AXI655384:AXI655385 BHE655384:BHE655385 BRA655384:BRA655385 CAW655384:CAW655385 CKS655384:CKS655385 CUO655384:CUO655385 DEK655384:DEK655385 DOG655384:DOG655385 DYC655384:DYC655385 EHY655384:EHY655385 ERU655384:ERU655385 FBQ655384:FBQ655385 FLM655384:FLM655385 FVI655384:FVI655385 GFE655384:GFE655385 GPA655384:GPA655385 GYW655384:GYW655385 HIS655384:HIS655385 HSO655384:HSO655385 ICK655384:ICK655385 IMG655384:IMG655385 IWC655384:IWC655385 JFY655384:JFY655385 JPU655384:JPU655385 JZQ655384:JZQ655385 KJM655384:KJM655385 KTI655384:KTI655385 LDE655384:LDE655385 LNA655384:LNA655385 LWW655384:LWW655385 MGS655384:MGS655385 MQO655384:MQO655385 NAK655384:NAK655385 NKG655384:NKG655385 NUC655384:NUC655385 ODY655384:ODY655385 ONU655384:ONU655385 OXQ655384:OXQ655385 PHM655384:PHM655385 PRI655384:PRI655385 QBE655384:QBE655385 QLA655384:QLA655385 QUW655384:QUW655385 RES655384:RES655385 ROO655384:ROO655385 RYK655384:RYK655385 SIG655384:SIG655385 SSC655384:SSC655385 TBY655384:TBY655385 TLU655384:TLU655385 TVQ655384:TVQ655385 UFM655384:UFM655385 UPI655384:UPI655385 UZE655384:UZE655385 VJA655384:VJA655385 VSW655384:VSW655385 WCS655384:WCS655385 WMO655384:WMO655385 WWK655384:WWK655385 AC720920:AC720921 JY720920:JY720921 TU720920:TU720921 ADQ720920:ADQ720921 ANM720920:ANM720921 AXI720920:AXI720921 BHE720920:BHE720921 BRA720920:BRA720921 CAW720920:CAW720921 CKS720920:CKS720921 CUO720920:CUO720921 DEK720920:DEK720921 DOG720920:DOG720921 DYC720920:DYC720921 EHY720920:EHY720921 ERU720920:ERU720921 FBQ720920:FBQ720921 FLM720920:FLM720921 FVI720920:FVI720921 GFE720920:GFE720921 GPA720920:GPA720921 GYW720920:GYW720921 HIS720920:HIS720921 HSO720920:HSO720921 ICK720920:ICK720921 IMG720920:IMG720921 IWC720920:IWC720921 JFY720920:JFY720921 JPU720920:JPU720921 JZQ720920:JZQ720921 KJM720920:KJM720921 KTI720920:KTI720921 LDE720920:LDE720921 LNA720920:LNA720921 LWW720920:LWW720921 MGS720920:MGS720921 MQO720920:MQO720921 NAK720920:NAK720921 NKG720920:NKG720921 NUC720920:NUC720921 ODY720920:ODY720921 ONU720920:ONU720921 OXQ720920:OXQ720921 PHM720920:PHM720921 PRI720920:PRI720921 QBE720920:QBE720921 QLA720920:QLA720921 QUW720920:QUW720921 RES720920:RES720921 ROO720920:ROO720921 RYK720920:RYK720921 SIG720920:SIG720921 SSC720920:SSC720921 TBY720920:TBY720921 TLU720920:TLU720921 TVQ720920:TVQ720921 UFM720920:UFM720921 UPI720920:UPI720921 UZE720920:UZE720921 VJA720920:VJA720921 VSW720920:VSW720921 WCS720920:WCS720921 WMO720920:WMO720921 WWK720920:WWK720921 AC786456:AC786457 JY786456:JY786457 TU786456:TU786457 ADQ786456:ADQ786457 ANM786456:ANM786457 AXI786456:AXI786457 BHE786456:BHE786457 BRA786456:BRA786457 CAW786456:CAW786457 CKS786456:CKS786457 CUO786456:CUO786457 DEK786456:DEK786457 DOG786456:DOG786457 DYC786456:DYC786457 EHY786456:EHY786457 ERU786456:ERU786457 FBQ786456:FBQ786457 FLM786456:FLM786457 FVI786456:FVI786457 GFE786456:GFE786457 GPA786456:GPA786457 GYW786456:GYW786457 HIS786456:HIS786457 HSO786456:HSO786457 ICK786456:ICK786457 IMG786456:IMG786457 IWC786456:IWC786457 JFY786456:JFY786457 JPU786456:JPU786457 JZQ786456:JZQ786457 KJM786456:KJM786457 KTI786456:KTI786457 LDE786456:LDE786457 LNA786456:LNA786457 LWW786456:LWW786457 MGS786456:MGS786457 MQO786456:MQO786457 NAK786456:NAK786457 NKG786456:NKG786457 NUC786456:NUC786457 ODY786456:ODY786457 ONU786456:ONU786457 OXQ786456:OXQ786457 PHM786456:PHM786457 PRI786456:PRI786457 QBE786456:QBE786457 QLA786456:QLA786457 QUW786456:QUW786457 RES786456:RES786457 ROO786456:ROO786457 RYK786456:RYK786457 SIG786456:SIG786457 SSC786456:SSC786457 TBY786456:TBY786457 TLU786456:TLU786457 TVQ786456:TVQ786457 UFM786456:UFM786457 UPI786456:UPI786457 UZE786456:UZE786457 VJA786456:VJA786457 VSW786456:VSW786457 WCS786456:WCS786457 WMO786456:WMO786457 WWK786456:WWK786457 AC851992:AC851993 JY851992:JY851993 TU851992:TU851993 ADQ851992:ADQ851993 ANM851992:ANM851993 AXI851992:AXI851993 BHE851992:BHE851993 BRA851992:BRA851993 CAW851992:CAW851993 CKS851992:CKS851993 CUO851992:CUO851993 DEK851992:DEK851993 DOG851992:DOG851993 DYC851992:DYC851993 EHY851992:EHY851993 ERU851992:ERU851993 FBQ851992:FBQ851993 FLM851992:FLM851993 FVI851992:FVI851993 GFE851992:GFE851993 GPA851992:GPA851993 GYW851992:GYW851993 HIS851992:HIS851993 HSO851992:HSO851993 ICK851992:ICK851993 IMG851992:IMG851993 IWC851992:IWC851993 JFY851992:JFY851993 JPU851992:JPU851993 JZQ851992:JZQ851993 KJM851992:KJM851993 KTI851992:KTI851993 LDE851992:LDE851993 LNA851992:LNA851993 LWW851992:LWW851993 MGS851992:MGS851993 MQO851992:MQO851993 NAK851992:NAK851993 NKG851992:NKG851993 NUC851992:NUC851993 ODY851992:ODY851993 ONU851992:ONU851993 OXQ851992:OXQ851993 PHM851992:PHM851993 PRI851992:PRI851993 QBE851992:QBE851993 QLA851992:QLA851993 QUW851992:QUW851993 RES851992:RES851993 ROO851992:ROO851993 RYK851992:RYK851993 SIG851992:SIG851993 SSC851992:SSC851993 TBY851992:TBY851993 TLU851992:TLU851993 TVQ851992:TVQ851993 UFM851992:UFM851993 UPI851992:UPI851993 UZE851992:UZE851993 VJA851992:VJA851993 VSW851992:VSW851993 WCS851992:WCS851993 WMO851992:WMO851993 WWK851992:WWK851993 AC917528:AC917529 JY917528:JY917529 TU917528:TU917529 ADQ917528:ADQ917529 ANM917528:ANM917529 AXI917528:AXI917529 BHE917528:BHE917529 BRA917528:BRA917529 CAW917528:CAW917529 CKS917528:CKS917529 CUO917528:CUO917529 DEK917528:DEK917529 DOG917528:DOG917529 DYC917528:DYC917529 EHY917528:EHY917529 ERU917528:ERU917529 FBQ917528:FBQ917529 FLM917528:FLM917529 FVI917528:FVI917529 GFE917528:GFE917529 GPA917528:GPA917529 GYW917528:GYW917529 HIS917528:HIS917529 HSO917528:HSO917529 ICK917528:ICK917529 IMG917528:IMG917529 IWC917528:IWC917529 JFY917528:JFY917529 JPU917528:JPU917529 JZQ917528:JZQ917529 KJM917528:KJM917529 KTI917528:KTI917529 LDE917528:LDE917529 LNA917528:LNA917529 LWW917528:LWW917529 MGS917528:MGS917529 MQO917528:MQO917529 NAK917528:NAK917529 NKG917528:NKG917529 NUC917528:NUC917529 ODY917528:ODY917529 ONU917528:ONU917529 OXQ917528:OXQ917529 PHM917528:PHM917529 PRI917528:PRI917529 QBE917528:QBE917529 QLA917528:QLA917529 QUW917528:QUW917529 RES917528:RES917529 ROO917528:ROO917529 RYK917528:RYK917529 SIG917528:SIG917529 SSC917528:SSC917529 TBY917528:TBY917529 TLU917528:TLU917529 TVQ917528:TVQ917529 UFM917528:UFM917529 UPI917528:UPI917529 UZE917528:UZE917529 VJA917528:VJA917529 VSW917528:VSW917529 WCS917528:WCS917529 WMO917528:WMO917529 WWK917528:WWK917529 AC983064:AC983065 JY983064:JY983065 TU983064:TU983065 ADQ983064:ADQ983065 ANM983064:ANM983065 AXI983064:AXI983065 BHE983064:BHE983065 BRA983064:BRA983065 CAW983064:CAW983065 CKS983064:CKS983065 CUO983064:CUO983065 DEK983064:DEK983065 DOG983064:DOG983065 DYC983064:DYC983065 EHY983064:EHY983065 ERU983064:ERU983065 FBQ983064:FBQ983065 FLM983064:FLM983065 FVI983064:FVI983065 GFE983064:GFE983065 GPA983064:GPA983065 GYW983064:GYW983065 HIS983064:HIS983065 HSO983064:HSO983065 ICK983064:ICK983065 IMG983064:IMG983065 IWC983064:IWC983065 JFY983064:JFY983065 JPU983064:JPU983065 JZQ983064:JZQ983065 KJM983064:KJM983065 KTI983064:KTI983065 LDE983064:LDE983065 LNA983064:LNA983065 LWW983064:LWW983065 MGS983064:MGS983065 MQO983064:MQO983065 NAK983064:NAK983065 NKG983064:NKG983065 NUC983064:NUC983065 ODY983064:ODY983065 ONU983064:ONU983065 OXQ983064:OXQ983065 PHM983064:PHM983065 PRI983064:PRI983065 QBE983064:QBE983065 QLA983064:QLA983065 QUW983064:QUW983065 RES983064:RES983065 ROO983064:ROO983065 RYK983064:RYK983065 SIG983064:SIG983065 SSC983064:SSC983065 TBY983064:TBY983065 TLU983064:TLU983065 TVQ983064:TVQ983065 UFM983064:UFM983065 UPI983064:UPI983065 UZE983064:UZE983065 VJA983064:VJA983065 VSW983064:VSW983065 WCS983064:WCS983065 WMO983064:WMO983065 WWK983064:WWK983065 O26 JK26 TG26 ADC26 AMY26 AWU26 BGQ26 BQM26 CAI26 CKE26 CUA26 DDW26 DNS26 DXO26 EHK26 ERG26 FBC26 FKY26 FUU26 GEQ26 GOM26 GYI26 HIE26 HSA26 IBW26 ILS26 IVO26 JFK26 JPG26 JZC26 KIY26 KSU26 LCQ26 LMM26 LWI26 MGE26 MQA26 MZW26 NJS26 NTO26 ODK26 ONG26 OXC26 PGY26 PQU26 QAQ26 QKM26 QUI26 REE26 ROA26 RXW26 SHS26 SRO26 TBK26 TLG26 TVC26 UEY26 UOU26 UYQ26 VIM26 VSI26 WCE26 WMA26 WVW26 O65562 JK65562 TG65562 ADC65562 AMY65562 AWU65562 BGQ65562 BQM65562 CAI65562 CKE65562 CUA65562 DDW65562 DNS65562 DXO65562 EHK65562 ERG65562 FBC65562 FKY65562 FUU65562 GEQ65562 GOM65562 GYI65562 HIE65562 HSA65562 IBW65562 ILS65562 IVO65562 JFK65562 JPG65562 JZC65562 KIY65562 KSU65562 LCQ65562 LMM65562 LWI65562 MGE65562 MQA65562 MZW65562 NJS65562 NTO65562 ODK65562 ONG65562 OXC65562 PGY65562 PQU65562 QAQ65562 QKM65562 QUI65562 REE65562 ROA65562 RXW65562 SHS65562 SRO65562 TBK65562 TLG65562 TVC65562 UEY65562 UOU65562 UYQ65562 VIM65562 VSI65562 WCE65562 WMA65562 WVW65562 O131098 JK131098 TG131098 ADC131098 AMY131098 AWU131098 BGQ131098 BQM131098 CAI131098 CKE131098 CUA131098 DDW131098 DNS131098 DXO131098 EHK131098 ERG131098 FBC131098 FKY131098 FUU131098 GEQ131098 GOM131098 GYI131098 HIE131098 HSA131098 IBW131098 ILS131098 IVO131098 JFK131098 JPG131098 JZC131098 KIY131098 KSU131098 LCQ131098 LMM131098 LWI131098 MGE131098 MQA131098 MZW131098 NJS131098 NTO131098 ODK131098 ONG131098 OXC131098 PGY131098 PQU131098 QAQ131098 QKM131098 QUI131098 REE131098 ROA131098 RXW131098 SHS131098 SRO131098 TBK131098 TLG131098 TVC131098 UEY131098 UOU131098 UYQ131098 VIM131098 VSI131098 WCE131098 WMA131098 WVW131098 O196634 JK196634 TG196634 ADC196634 AMY196634 AWU196634 BGQ196634 BQM196634 CAI196634 CKE196634 CUA196634 DDW196634 DNS196634 DXO196634 EHK196634 ERG196634 FBC196634 FKY196634 FUU196634 GEQ196634 GOM196634 GYI196634 HIE196634 HSA196634 IBW196634 ILS196634 IVO196634 JFK196634 JPG196634 JZC196634 KIY196634 KSU196634 LCQ196634 LMM196634 LWI196634 MGE196634 MQA196634 MZW196634 NJS196634 NTO196634 ODK196634 ONG196634 OXC196634 PGY196634 PQU196634 QAQ196634 QKM196634 QUI196634 REE196634 ROA196634 RXW196634 SHS196634 SRO196634 TBK196634 TLG196634 TVC196634 UEY196634 UOU196634 UYQ196634 VIM196634 VSI196634 WCE196634 WMA196634 WVW196634 O262170 JK262170 TG262170 ADC262170 AMY262170 AWU262170 BGQ262170 BQM262170 CAI262170 CKE262170 CUA262170 DDW262170 DNS262170 DXO262170 EHK262170 ERG262170 FBC262170 FKY262170 FUU262170 GEQ262170 GOM262170 GYI262170 HIE262170 HSA262170 IBW262170 ILS262170 IVO262170 JFK262170 JPG262170 JZC262170 KIY262170 KSU262170 LCQ262170 LMM262170 LWI262170 MGE262170 MQA262170 MZW262170 NJS262170 NTO262170 ODK262170 ONG262170 OXC262170 PGY262170 PQU262170 QAQ262170 QKM262170 QUI262170 REE262170 ROA262170 RXW262170 SHS262170 SRO262170 TBK262170 TLG262170 TVC262170 UEY262170 UOU262170 UYQ262170 VIM262170 VSI262170 WCE262170 WMA262170 WVW262170 O327706 JK327706 TG327706 ADC327706 AMY327706 AWU327706 BGQ327706 BQM327706 CAI327706 CKE327706 CUA327706 DDW327706 DNS327706 DXO327706 EHK327706 ERG327706 FBC327706 FKY327706 FUU327706 GEQ327706 GOM327706 GYI327706 HIE327706 HSA327706 IBW327706 ILS327706 IVO327706 JFK327706 JPG327706 JZC327706 KIY327706 KSU327706 LCQ327706 LMM327706 LWI327706 MGE327706 MQA327706 MZW327706 NJS327706 NTO327706 ODK327706 ONG327706 OXC327706 PGY327706 PQU327706 QAQ327706 QKM327706 QUI327706 REE327706 ROA327706 RXW327706 SHS327706 SRO327706 TBK327706 TLG327706 TVC327706 UEY327706 UOU327706 UYQ327706 VIM327706 VSI327706 WCE327706 WMA327706 WVW327706 O393242 JK393242 TG393242 ADC393242 AMY393242 AWU393242 BGQ393242 BQM393242 CAI393242 CKE393242 CUA393242 DDW393242 DNS393242 DXO393242 EHK393242 ERG393242 FBC393242 FKY393242 FUU393242 GEQ393242 GOM393242 GYI393242 HIE393242 HSA393242 IBW393242 ILS393242 IVO393242 JFK393242 JPG393242 JZC393242 KIY393242 KSU393242 LCQ393242 LMM393242 LWI393242 MGE393242 MQA393242 MZW393242 NJS393242 NTO393242 ODK393242 ONG393242 OXC393242 PGY393242 PQU393242 QAQ393242 QKM393242 QUI393242 REE393242 ROA393242 RXW393242 SHS393242 SRO393242 TBK393242 TLG393242 TVC393242 UEY393242 UOU393242 UYQ393242 VIM393242 VSI393242 WCE393242 WMA393242 WVW393242 O458778 JK458778 TG458778 ADC458778 AMY458778 AWU458778 BGQ458778 BQM458778 CAI458778 CKE458778 CUA458778 DDW458778 DNS458778 DXO458778 EHK458778 ERG458778 FBC458778 FKY458778 FUU458778 GEQ458778 GOM458778 GYI458778 HIE458778 HSA458778 IBW458778 ILS458778 IVO458778 JFK458778 JPG458778 JZC458778 KIY458778 KSU458778 LCQ458778 LMM458778 LWI458778 MGE458778 MQA458778 MZW458778 NJS458778 NTO458778 ODK458778 ONG458778 OXC458778 PGY458778 PQU458778 QAQ458778 QKM458778 QUI458778 REE458778 ROA458778 RXW458778 SHS458778 SRO458778 TBK458778 TLG458778 TVC458778 UEY458778 UOU458778 UYQ458778 VIM458778 VSI458778 WCE458778 WMA458778 WVW458778 O524314 JK524314 TG524314 ADC524314 AMY524314 AWU524314 BGQ524314 BQM524314 CAI524314 CKE524314 CUA524314 DDW524314 DNS524314 DXO524314 EHK524314 ERG524314 FBC524314 FKY524314 FUU524314 GEQ524314 GOM524314 GYI524314 HIE524314 HSA524314 IBW524314 ILS524314 IVO524314 JFK524314 JPG524314 JZC524314 KIY524314 KSU524314 LCQ524314 LMM524314 LWI524314 MGE524314 MQA524314 MZW524314 NJS524314 NTO524314 ODK524314 ONG524314 OXC524314 PGY524314 PQU524314 QAQ524314 QKM524314 QUI524314 REE524314 ROA524314 RXW524314 SHS524314 SRO524314 TBK524314 TLG524314 TVC524314 UEY524314 UOU524314 UYQ524314 VIM524314 VSI524314 WCE524314 WMA524314 WVW524314 O589850 JK589850 TG589850 ADC589850 AMY589850 AWU589850 BGQ589850 BQM589850 CAI589850 CKE589850 CUA589850 DDW589850 DNS589850 DXO589850 EHK589850 ERG589850 FBC589850 FKY589850 FUU589850 GEQ589850 GOM589850 GYI589850 HIE589850 HSA589850 IBW589850 ILS589850 IVO589850 JFK589850 JPG589850 JZC589850 KIY589850 KSU589850 LCQ589850 LMM589850 LWI589850 MGE589850 MQA589850 MZW589850 NJS589850 NTO589850 ODK589850 ONG589850 OXC589850 PGY589850 PQU589850 QAQ589850 QKM589850 QUI589850 REE589850 ROA589850 RXW589850 SHS589850 SRO589850 TBK589850 TLG589850 TVC589850 UEY589850 UOU589850 UYQ589850 VIM589850 VSI589850 WCE589850 WMA589850 WVW589850 O655386 JK655386 TG655386 ADC655386 AMY655386 AWU655386 BGQ655386 BQM655386 CAI655386 CKE655386 CUA655386 DDW655386 DNS655386 DXO655386 EHK655386 ERG655386 FBC655386 FKY655386 FUU655386 GEQ655386 GOM655386 GYI655386 HIE655386 HSA655386 IBW655386 ILS655386 IVO655386 JFK655386 JPG655386 JZC655386 KIY655386 KSU655386 LCQ655386 LMM655386 LWI655386 MGE655386 MQA655386 MZW655386 NJS655386 NTO655386 ODK655386 ONG655386 OXC655386 PGY655386 PQU655386 QAQ655386 QKM655386 QUI655386 REE655386 ROA655386 RXW655386 SHS655386 SRO655386 TBK655386 TLG655386 TVC655386 UEY655386 UOU655386 UYQ655386 VIM655386 VSI655386 WCE655386 WMA655386 WVW655386 O720922 JK720922 TG720922 ADC720922 AMY720922 AWU720922 BGQ720922 BQM720922 CAI720922 CKE720922 CUA720922 DDW720922 DNS720922 DXO720922 EHK720922 ERG720922 FBC720922 FKY720922 FUU720922 GEQ720922 GOM720922 GYI720922 HIE720922 HSA720922 IBW720922 ILS720922 IVO720922 JFK720922 JPG720922 JZC720922 KIY720922 KSU720922 LCQ720922 LMM720922 LWI720922 MGE720922 MQA720922 MZW720922 NJS720922 NTO720922 ODK720922 ONG720922 OXC720922 PGY720922 PQU720922 QAQ720922 QKM720922 QUI720922 REE720922 ROA720922 RXW720922 SHS720922 SRO720922 TBK720922 TLG720922 TVC720922 UEY720922 UOU720922 UYQ720922 VIM720922 VSI720922 WCE720922 WMA720922 WVW720922 O786458 JK786458 TG786458 ADC786458 AMY786458 AWU786458 BGQ786458 BQM786458 CAI786458 CKE786458 CUA786458 DDW786458 DNS786458 DXO786458 EHK786458 ERG786458 FBC786458 FKY786458 FUU786458 GEQ786458 GOM786458 GYI786458 HIE786458 HSA786458 IBW786458 ILS786458 IVO786458 JFK786458 JPG786458 JZC786458 KIY786458 KSU786458 LCQ786458 LMM786458 LWI786458 MGE786458 MQA786458 MZW786458 NJS786458 NTO786458 ODK786458 ONG786458 OXC786458 PGY786458 PQU786458 QAQ786458 QKM786458 QUI786458 REE786458 ROA786458 RXW786458 SHS786458 SRO786458 TBK786458 TLG786458 TVC786458 UEY786458 UOU786458 UYQ786458 VIM786458 VSI786458 WCE786458 WMA786458 WVW786458 O851994 JK851994 TG851994 ADC851994 AMY851994 AWU851994 BGQ851994 BQM851994 CAI851994 CKE851994 CUA851994 DDW851994 DNS851994 DXO851994 EHK851994 ERG851994 FBC851994 FKY851994 FUU851994 GEQ851994 GOM851994 GYI851994 HIE851994 HSA851994 IBW851994 ILS851994 IVO851994 JFK851994 JPG851994 JZC851994 KIY851994 KSU851994 LCQ851994 LMM851994 LWI851994 MGE851994 MQA851994 MZW851994 NJS851994 NTO851994 ODK851994 ONG851994 OXC851994 PGY851994 PQU851994 QAQ851994 QKM851994 QUI851994 REE851994 ROA851994 RXW851994 SHS851994 SRO851994 TBK851994 TLG851994 TVC851994 UEY851994 UOU851994 UYQ851994 VIM851994 VSI851994 WCE851994 WMA851994 WVW851994 O917530 JK917530 TG917530 ADC917530 AMY917530 AWU917530 BGQ917530 BQM917530 CAI917530 CKE917530 CUA917530 DDW917530 DNS917530 DXO917530 EHK917530 ERG917530 FBC917530 FKY917530 FUU917530 GEQ917530 GOM917530 GYI917530 HIE917530 HSA917530 IBW917530 ILS917530 IVO917530 JFK917530 JPG917530 JZC917530 KIY917530 KSU917530 LCQ917530 LMM917530 LWI917530 MGE917530 MQA917530 MZW917530 NJS917530 NTO917530 ODK917530 ONG917530 OXC917530 PGY917530 PQU917530 QAQ917530 QKM917530 QUI917530 REE917530 ROA917530 RXW917530 SHS917530 SRO917530 TBK917530 TLG917530 TVC917530 UEY917530 UOU917530 UYQ917530 VIM917530 VSI917530 WCE917530 WMA917530 WVW917530 O983066 JK983066 TG983066 ADC983066 AMY983066 AWU983066 BGQ983066 BQM983066 CAI983066 CKE983066 CUA983066 DDW983066 DNS983066 DXO983066 EHK983066 ERG983066 FBC983066 FKY983066 FUU983066 GEQ983066 GOM983066 GYI983066 HIE983066 HSA983066 IBW983066 ILS983066 IVO983066 JFK983066 JPG983066 JZC983066 KIY983066 KSU983066 LCQ983066 LMM983066 LWI983066 MGE983066 MQA983066 MZW983066 NJS983066 NTO983066 ODK983066 ONG983066 OXC983066 PGY983066 PQU983066 QAQ983066 QKM983066 QUI983066 REE983066 ROA983066 RXW983066 SHS983066 SRO983066 TBK983066 TLG983066 TVC983066 UEY983066 UOU983066 UYQ983066 VIM983066 VSI983066 WCE983066 WMA983066 WVW983066 L27:L34 JH27:JH34 TD27:TD34 ACZ27:ACZ34 AMV27:AMV34 AWR27:AWR34 BGN27:BGN34 BQJ27:BQJ34 CAF27:CAF34 CKB27:CKB34 CTX27:CTX34 DDT27:DDT34 DNP27:DNP34 DXL27:DXL34 EHH27:EHH34 ERD27:ERD34 FAZ27:FAZ34 FKV27:FKV34 FUR27:FUR34 GEN27:GEN34 GOJ27:GOJ34 GYF27:GYF34 HIB27:HIB34 HRX27:HRX34 IBT27:IBT34 ILP27:ILP34 IVL27:IVL34 JFH27:JFH34 JPD27:JPD34 JYZ27:JYZ34 KIV27:KIV34 KSR27:KSR34 LCN27:LCN34 LMJ27:LMJ34 LWF27:LWF34 MGB27:MGB34 MPX27:MPX34 MZT27:MZT34 NJP27:NJP34 NTL27:NTL34 ODH27:ODH34 OND27:OND34 OWZ27:OWZ34 PGV27:PGV34 PQR27:PQR34 QAN27:QAN34 QKJ27:QKJ34 QUF27:QUF34 REB27:REB34 RNX27:RNX34 RXT27:RXT34 SHP27:SHP34 SRL27:SRL34 TBH27:TBH34 TLD27:TLD34 TUZ27:TUZ34 UEV27:UEV34 UOR27:UOR34 UYN27:UYN34 VIJ27:VIJ34 VSF27:VSF34 WCB27:WCB34 WLX27:WLX34 WVT27:WVT34 L65563:L65570 JH65563:JH65570 TD65563:TD65570 ACZ65563:ACZ65570 AMV65563:AMV65570 AWR65563:AWR65570 BGN65563:BGN65570 BQJ65563:BQJ65570 CAF65563:CAF65570 CKB65563:CKB65570 CTX65563:CTX65570 DDT65563:DDT65570 DNP65563:DNP65570 DXL65563:DXL65570 EHH65563:EHH65570 ERD65563:ERD65570 FAZ65563:FAZ65570 FKV65563:FKV65570 FUR65563:FUR65570 GEN65563:GEN65570 GOJ65563:GOJ65570 GYF65563:GYF65570 HIB65563:HIB65570 HRX65563:HRX65570 IBT65563:IBT65570 ILP65563:ILP65570 IVL65563:IVL65570 JFH65563:JFH65570 JPD65563:JPD65570 JYZ65563:JYZ65570 KIV65563:KIV65570 KSR65563:KSR65570 LCN65563:LCN65570 LMJ65563:LMJ65570 LWF65563:LWF65570 MGB65563:MGB65570 MPX65563:MPX65570 MZT65563:MZT65570 NJP65563:NJP65570 NTL65563:NTL65570 ODH65563:ODH65570 OND65563:OND65570 OWZ65563:OWZ65570 PGV65563:PGV65570 PQR65563:PQR65570 QAN65563:QAN65570 QKJ65563:QKJ65570 QUF65563:QUF65570 REB65563:REB65570 RNX65563:RNX65570 RXT65563:RXT65570 SHP65563:SHP65570 SRL65563:SRL65570 TBH65563:TBH65570 TLD65563:TLD65570 TUZ65563:TUZ65570 UEV65563:UEV65570 UOR65563:UOR65570 UYN65563:UYN65570 VIJ65563:VIJ65570 VSF65563:VSF65570 WCB65563:WCB65570 WLX65563:WLX65570 WVT65563:WVT65570 L131099:L131106 JH131099:JH131106 TD131099:TD131106 ACZ131099:ACZ131106 AMV131099:AMV131106 AWR131099:AWR131106 BGN131099:BGN131106 BQJ131099:BQJ131106 CAF131099:CAF131106 CKB131099:CKB131106 CTX131099:CTX131106 DDT131099:DDT131106 DNP131099:DNP131106 DXL131099:DXL131106 EHH131099:EHH131106 ERD131099:ERD131106 FAZ131099:FAZ131106 FKV131099:FKV131106 FUR131099:FUR131106 GEN131099:GEN131106 GOJ131099:GOJ131106 GYF131099:GYF131106 HIB131099:HIB131106 HRX131099:HRX131106 IBT131099:IBT131106 ILP131099:ILP131106 IVL131099:IVL131106 JFH131099:JFH131106 JPD131099:JPD131106 JYZ131099:JYZ131106 KIV131099:KIV131106 KSR131099:KSR131106 LCN131099:LCN131106 LMJ131099:LMJ131106 LWF131099:LWF131106 MGB131099:MGB131106 MPX131099:MPX131106 MZT131099:MZT131106 NJP131099:NJP131106 NTL131099:NTL131106 ODH131099:ODH131106 OND131099:OND131106 OWZ131099:OWZ131106 PGV131099:PGV131106 PQR131099:PQR131106 QAN131099:QAN131106 QKJ131099:QKJ131106 QUF131099:QUF131106 REB131099:REB131106 RNX131099:RNX131106 RXT131099:RXT131106 SHP131099:SHP131106 SRL131099:SRL131106 TBH131099:TBH131106 TLD131099:TLD131106 TUZ131099:TUZ131106 UEV131099:UEV131106 UOR131099:UOR131106 UYN131099:UYN131106 VIJ131099:VIJ131106 VSF131099:VSF131106 WCB131099:WCB131106 WLX131099:WLX131106 WVT131099:WVT131106 L196635:L196642 JH196635:JH196642 TD196635:TD196642 ACZ196635:ACZ196642 AMV196635:AMV196642 AWR196635:AWR196642 BGN196635:BGN196642 BQJ196635:BQJ196642 CAF196635:CAF196642 CKB196635:CKB196642 CTX196635:CTX196642 DDT196635:DDT196642 DNP196635:DNP196642 DXL196635:DXL196642 EHH196635:EHH196642 ERD196635:ERD196642 FAZ196635:FAZ196642 FKV196635:FKV196642 FUR196635:FUR196642 GEN196635:GEN196642 GOJ196635:GOJ196642 GYF196635:GYF196642 HIB196635:HIB196642 HRX196635:HRX196642 IBT196635:IBT196642 ILP196635:ILP196642 IVL196635:IVL196642 JFH196635:JFH196642 JPD196635:JPD196642 JYZ196635:JYZ196642 KIV196635:KIV196642 KSR196635:KSR196642 LCN196635:LCN196642 LMJ196635:LMJ196642 LWF196635:LWF196642 MGB196635:MGB196642 MPX196635:MPX196642 MZT196635:MZT196642 NJP196635:NJP196642 NTL196635:NTL196642 ODH196635:ODH196642 OND196635:OND196642 OWZ196635:OWZ196642 PGV196635:PGV196642 PQR196635:PQR196642 QAN196635:QAN196642 QKJ196635:QKJ196642 QUF196635:QUF196642 REB196635:REB196642 RNX196635:RNX196642 RXT196635:RXT196642 SHP196635:SHP196642 SRL196635:SRL196642 TBH196635:TBH196642 TLD196635:TLD196642 TUZ196635:TUZ196642 UEV196635:UEV196642 UOR196635:UOR196642 UYN196635:UYN196642 VIJ196635:VIJ196642 VSF196635:VSF196642 WCB196635:WCB196642 WLX196635:WLX196642 WVT196635:WVT196642 L262171:L262178 JH262171:JH262178 TD262171:TD262178 ACZ262171:ACZ262178 AMV262171:AMV262178 AWR262171:AWR262178 BGN262171:BGN262178 BQJ262171:BQJ262178 CAF262171:CAF262178 CKB262171:CKB262178 CTX262171:CTX262178 DDT262171:DDT262178 DNP262171:DNP262178 DXL262171:DXL262178 EHH262171:EHH262178 ERD262171:ERD262178 FAZ262171:FAZ262178 FKV262171:FKV262178 FUR262171:FUR262178 GEN262171:GEN262178 GOJ262171:GOJ262178 GYF262171:GYF262178 HIB262171:HIB262178 HRX262171:HRX262178 IBT262171:IBT262178 ILP262171:ILP262178 IVL262171:IVL262178 JFH262171:JFH262178 JPD262171:JPD262178 JYZ262171:JYZ262178 KIV262171:KIV262178 KSR262171:KSR262178 LCN262171:LCN262178 LMJ262171:LMJ262178 LWF262171:LWF262178 MGB262171:MGB262178 MPX262171:MPX262178 MZT262171:MZT262178 NJP262171:NJP262178 NTL262171:NTL262178 ODH262171:ODH262178 OND262171:OND262178 OWZ262171:OWZ262178 PGV262171:PGV262178 PQR262171:PQR262178 QAN262171:QAN262178 QKJ262171:QKJ262178 QUF262171:QUF262178 REB262171:REB262178 RNX262171:RNX262178 RXT262171:RXT262178 SHP262171:SHP262178 SRL262171:SRL262178 TBH262171:TBH262178 TLD262171:TLD262178 TUZ262171:TUZ262178 UEV262171:UEV262178 UOR262171:UOR262178 UYN262171:UYN262178 VIJ262171:VIJ262178 VSF262171:VSF262178 WCB262171:WCB262178 WLX262171:WLX262178 WVT262171:WVT262178 L327707:L327714 JH327707:JH327714 TD327707:TD327714 ACZ327707:ACZ327714 AMV327707:AMV327714 AWR327707:AWR327714 BGN327707:BGN327714 BQJ327707:BQJ327714 CAF327707:CAF327714 CKB327707:CKB327714 CTX327707:CTX327714 DDT327707:DDT327714 DNP327707:DNP327714 DXL327707:DXL327714 EHH327707:EHH327714 ERD327707:ERD327714 FAZ327707:FAZ327714 FKV327707:FKV327714 FUR327707:FUR327714 GEN327707:GEN327714 GOJ327707:GOJ327714 GYF327707:GYF327714 HIB327707:HIB327714 HRX327707:HRX327714 IBT327707:IBT327714 ILP327707:ILP327714 IVL327707:IVL327714 JFH327707:JFH327714 JPD327707:JPD327714 JYZ327707:JYZ327714 KIV327707:KIV327714 KSR327707:KSR327714 LCN327707:LCN327714 LMJ327707:LMJ327714 LWF327707:LWF327714 MGB327707:MGB327714 MPX327707:MPX327714 MZT327707:MZT327714 NJP327707:NJP327714 NTL327707:NTL327714 ODH327707:ODH327714 OND327707:OND327714 OWZ327707:OWZ327714 PGV327707:PGV327714 PQR327707:PQR327714 QAN327707:QAN327714 QKJ327707:QKJ327714 QUF327707:QUF327714 REB327707:REB327714 RNX327707:RNX327714 RXT327707:RXT327714 SHP327707:SHP327714 SRL327707:SRL327714 TBH327707:TBH327714 TLD327707:TLD327714 TUZ327707:TUZ327714 UEV327707:UEV327714 UOR327707:UOR327714 UYN327707:UYN327714 VIJ327707:VIJ327714 VSF327707:VSF327714 WCB327707:WCB327714 WLX327707:WLX327714 WVT327707:WVT327714 L393243:L393250 JH393243:JH393250 TD393243:TD393250 ACZ393243:ACZ393250 AMV393243:AMV393250 AWR393243:AWR393250 BGN393243:BGN393250 BQJ393243:BQJ393250 CAF393243:CAF393250 CKB393243:CKB393250 CTX393243:CTX393250 DDT393243:DDT393250 DNP393243:DNP393250 DXL393243:DXL393250 EHH393243:EHH393250 ERD393243:ERD393250 FAZ393243:FAZ393250 FKV393243:FKV393250 FUR393243:FUR393250 GEN393243:GEN393250 GOJ393243:GOJ393250 GYF393243:GYF393250 HIB393243:HIB393250 HRX393243:HRX393250 IBT393243:IBT393250 ILP393243:ILP393250 IVL393243:IVL393250 JFH393243:JFH393250 JPD393243:JPD393250 JYZ393243:JYZ393250 KIV393243:KIV393250 KSR393243:KSR393250 LCN393243:LCN393250 LMJ393243:LMJ393250 LWF393243:LWF393250 MGB393243:MGB393250 MPX393243:MPX393250 MZT393243:MZT393250 NJP393243:NJP393250 NTL393243:NTL393250 ODH393243:ODH393250 OND393243:OND393250 OWZ393243:OWZ393250 PGV393243:PGV393250 PQR393243:PQR393250 QAN393243:QAN393250 QKJ393243:QKJ393250 QUF393243:QUF393250 REB393243:REB393250 RNX393243:RNX393250 RXT393243:RXT393250 SHP393243:SHP393250 SRL393243:SRL393250 TBH393243:TBH393250 TLD393243:TLD393250 TUZ393243:TUZ393250 UEV393243:UEV393250 UOR393243:UOR393250 UYN393243:UYN393250 VIJ393243:VIJ393250 VSF393243:VSF393250 WCB393243:WCB393250 WLX393243:WLX393250 WVT393243:WVT393250 L458779:L458786 JH458779:JH458786 TD458779:TD458786 ACZ458779:ACZ458786 AMV458779:AMV458786 AWR458779:AWR458786 BGN458779:BGN458786 BQJ458779:BQJ458786 CAF458779:CAF458786 CKB458779:CKB458786 CTX458779:CTX458786 DDT458779:DDT458786 DNP458779:DNP458786 DXL458779:DXL458786 EHH458779:EHH458786 ERD458779:ERD458786 FAZ458779:FAZ458786 FKV458779:FKV458786 FUR458779:FUR458786 GEN458779:GEN458786 GOJ458779:GOJ458786 GYF458779:GYF458786 HIB458779:HIB458786 HRX458779:HRX458786 IBT458779:IBT458786 ILP458779:ILP458786 IVL458779:IVL458786 JFH458779:JFH458786 JPD458779:JPD458786 JYZ458779:JYZ458786 KIV458779:KIV458786 KSR458779:KSR458786 LCN458779:LCN458786 LMJ458779:LMJ458786 LWF458779:LWF458786 MGB458779:MGB458786 MPX458779:MPX458786 MZT458779:MZT458786 NJP458779:NJP458786 NTL458779:NTL458786 ODH458779:ODH458786 OND458779:OND458786 OWZ458779:OWZ458786 PGV458779:PGV458786 PQR458779:PQR458786 QAN458779:QAN458786 QKJ458779:QKJ458786 QUF458779:QUF458786 REB458779:REB458786 RNX458779:RNX458786 RXT458779:RXT458786 SHP458779:SHP458786 SRL458779:SRL458786 TBH458779:TBH458786 TLD458779:TLD458786 TUZ458779:TUZ458786 UEV458779:UEV458786 UOR458779:UOR458786 UYN458779:UYN458786 VIJ458779:VIJ458786 VSF458779:VSF458786 WCB458779:WCB458786 WLX458779:WLX458786 WVT458779:WVT458786 L524315:L524322 JH524315:JH524322 TD524315:TD524322 ACZ524315:ACZ524322 AMV524315:AMV524322 AWR524315:AWR524322 BGN524315:BGN524322 BQJ524315:BQJ524322 CAF524315:CAF524322 CKB524315:CKB524322 CTX524315:CTX524322 DDT524315:DDT524322 DNP524315:DNP524322 DXL524315:DXL524322 EHH524315:EHH524322 ERD524315:ERD524322 FAZ524315:FAZ524322 FKV524315:FKV524322 FUR524315:FUR524322 GEN524315:GEN524322 GOJ524315:GOJ524322 GYF524315:GYF524322 HIB524315:HIB524322 HRX524315:HRX524322 IBT524315:IBT524322 ILP524315:ILP524322 IVL524315:IVL524322 JFH524315:JFH524322 JPD524315:JPD524322 JYZ524315:JYZ524322 KIV524315:KIV524322 KSR524315:KSR524322 LCN524315:LCN524322 LMJ524315:LMJ524322 LWF524315:LWF524322 MGB524315:MGB524322 MPX524315:MPX524322 MZT524315:MZT524322 NJP524315:NJP524322 NTL524315:NTL524322 ODH524315:ODH524322 OND524315:OND524322 OWZ524315:OWZ524322 PGV524315:PGV524322 PQR524315:PQR524322 QAN524315:QAN524322 QKJ524315:QKJ524322 QUF524315:QUF524322 REB524315:REB524322 RNX524315:RNX524322 RXT524315:RXT524322 SHP524315:SHP524322 SRL524315:SRL524322 TBH524315:TBH524322 TLD524315:TLD524322 TUZ524315:TUZ524322 UEV524315:UEV524322 UOR524315:UOR524322 UYN524315:UYN524322 VIJ524315:VIJ524322 VSF524315:VSF524322 WCB524315:WCB524322 WLX524315:WLX524322 WVT524315:WVT524322 L589851:L589858 JH589851:JH589858 TD589851:TD589858 ACZ589851:ACZ589858 AMV589851:AMV589858 AWR589851:AWR589858 BGN589851:BGN589858 BQJ589851:BQJ589858 CAF589851:CAF589858 CKB589851:CKB589858 CTX589851:CTX589858 DDT589851:DDT589858 DNP589851:DNP589858 DXL589851:DXL589858 EHH589851:EHH589858 ERD589851:ERD589858 FAZ589851:FAZ589858 FKV589851:FKV589858 FUR589851:FUR589858 GEN589851:GEN589858 GOJ589851:GOJ589858 GYF589851:GYF589858 HIB589851:HIB589858 HRX589851:HRX589858 IBT589851:IBT589858 ILP589851:ILP589858 IVL589851:IVL589858 JFH589851:JFH589858 JPD589851:JPD589858 JYZ589851:JYZ589858 KIV589851:KIV589858 KSR589851:KSR589858 LCN589851:LCN589858 LMJ589851:LMJ589858 LWF589851:LWF589858 MGB589851:MGB589858 MPX589851:MPX589858 MZT589851:MZT589858 NJP589851:NJP589858 NTL589851:NTL589858 ODH589851:ODH589858 OND589851:OND589858 OWZ589851:OWZ589858 PGV589851:PGV589858 PQR589851:PQR589858 QAN589851:QAN589858 QKJ589851:QKJ589858 QUF589851:QUF589858 REB589851:REB589858 RNX589851:RNX589858 RXT589851:RXT589858 SHP589851:SHP589858 SRL589851:SRL589858 TBH589851:TBH589858 TLD589851:TLD589858 TUZ589851:TUZ589858 UEV589851:UEV589858 UOR589851:UOR589858 UYN589851:UYN589858 VIJ589851:VIJ589858 VSF589851:VSF589858 WCB589851:WCB589858 WLX589851:WLX589858 WVT589851:WVT589858 L655387:L655394 JH655387:JH655394 TD655387:TD655394 ACZ655387:ACZ655394 AMV655387:AMV655394 AWR655387:AWR655394 BGN655387:BGN655394 BQJ655387:BQJ655394 CAF655387:CAF655394 CKB655387:CKB655394 CTX655387:CTX655394 DDT655387:DDT655394 DNP655387:DNP655394 DXL655387:DXL655394 EHH655387:EHH655394 ERD655387:ERD655394 FAZ655387:FAZ655394 FKV655387:FKV655394 FUR655387:FUR655394 GEN655387:GEN655394 GOJ655387:GOJ655394 GYF655387:GYF655394 HIB655387:HIB655394 HRX655387:HRX655394 IBT655387:IBT655394 ILP655387:ILP655394 IVL655387:IVL655394 JFH655387:JFH655394 JPD655387:JPD655394 JYZ655387:JYZ655394 KIV655387:KIV655394 KSR655387:KSR655394 LCN655387:LCN655394 LMJ655387:LMJ655394 LWF655387:LWF655394 MGB655387:MGB655394 MPX655387:MPX655394 MZT655387:MZT655394 NJP655387:NJP655394 NTL655387:NTL655394 ODH655387:ODH655394 OND655387:OND655394 OWZ655387:OWZ655394 PGV655387:PGV655394 PQR655387:PQR655394 QAN655387:QAN655394 QKJ655387:QKJ655394 QUF655387:QUF655394 REB655387:REB655394 RNX655387:RNX655394 RXT655387:RXT655394 SHP655387:SHP655394 SRL655387:SRL655394 TBH655387:TBH655394 TLD655387:TLD655394 TUZ655387:TUZ655394 UEV655387:UEV655394 UOR655387:UOR655394 UYN655387:UYN655394 VIJ655387:VIJ655394 VSF655387:VSF655394 WCB655387:WCB655394 WLX655387:WLX655394 WVT655387:WVT655394 L720923:L720930 JH720923:JH720930 TD720923:TD720930 ACZ720923:ACZ720930 AMV720923:AMV720930 AWR720923:AWR720930 BGN720923:BGN720930 BQJ720923:BQJ720930 CAF720923:CAF720930 CKB720923:CKB720930 CTX720923:CTX720930 DDT720923:DDT720930 DNP720923:DNP720930 DXL720923:DXL720930 EHH720923:EHH720930 ERD720923:ERD720930 FAZ720923:FAZ720930 FKV720923:FKV720930 FUR720923:FUR720930 GEN720923:GEN720930 GOJ720923:GOJ720930 GYF720923:GYF720930 HIB720923:HIB720930 HRX720923:HRX720930 IBT720923:IBT720930 ILP720923:ILP720930 IVL720923:IVL720930 JFH720923:JFH720930 JPD720923:JPD720930 JYZ720923:JYZ720930 KIV720923:KIV720930 KSR720923:KSR720930 LCN720923:LCN720930 LMJ720923:LMJ720930 LWF720923:LWF720930 MGB720923:MGB720930 MPX720923:MPX720930 MZT720923:MZT720930 NJP720923:NJP720930 NTL720923:NTL720930 ODH720923:ODH720930 OND720923:OND720930 OWZ720923:OWZ720930 PGV720923:PGV720930 PQR720923:PQR720930 QAN720923:QAN720930 QKJ720923:QKJ720930 QUF720923:QUF720930 REB720923:REB720930 RNX720923:RNX720930 RXT720923:RXT720930 SHP720923:SHP720930 SRL720923:SRL720930 TBH720923:TBH720930 TLD720923:TLD720930 TUZ720923:TUZ720930 UEV720923:UEV720930 UOR720923:UOR720930 UYN720923:UYN720930 VIJ720923:VIJ720930 VSF720923:VSF720930 WCB720923:WCB720930 WLX720923:WLX720930 WVT720923:WVT720930 L786459:L786466 JH786459:JH786466 TD786459:TD786466 ACZ786459:ACZ786466 AMV786459:AMV786466 AWR786459:AWR786466 BGN786459:BGN786466 BQJ786459:BQJ786466 CAF786459:CAF786466 CKB786459:CKB786466 CTX786459:CTX786466 DDT786459:DDT786466 DNP786459:DNP786466 DXL786459:DXL786466 EHH786459:EHH786466 ERD786459:ERD786466 FAZ786459:FAZ786466 FKV786459:FKV786466 FUR786459:FUR786466 GEN786459:GEN786466 GOJ786459:GOJ786466 GYF786459:GYF786466 HIB786459:HIB786466 HRX786459:HRX786466 IBT786459:IBT786466 ILP786459:ILP786466 IVL786459:IVL786466 JFH786459:JFH786466 JPD786459:JPD786466 JYZ786459:JYZ786466 KIV786459:KIV786466 KSR786459:KSR786466 LCN786459:LCN786466 LMJ786459:LMJ786466 LWF786459:LWF786466 MGB786459:MGB786466 MPX786459:MPX786466 MZT786459:MZT786466 NJP786459:NJP786466 NTL786459:NTL786466 ODH786459:ODH786466 OND786459:OND786466 OWZ786459:OWZ786466 PGV786459:PGV786466 PQR786459:PQR786466 QAN786459:QAN786466 QKJ786459:QKJ786466 QUF786459:QUF786466 REB786459:REB786466 RNX786459:RNX786466 RXT786459:RXT786466 SHP786459:SHP786466 SRL786459:SRL786466 TBH786459:TBH786466 TLD786459:TLD786466 TUZ786459:TUZ786466 UEV786459:UEV786466 UOR786459:UOR786466 UYN786459:UYN786466 VIJ786459:VIJ786466 VSF786459:VSF786466 WCB786459:WCB786466 WLX786459:WLX786466 WVT786459:WVT786466 L851995:L852002 JH851995:JH852002 TD851995:TD852002 ACZ851995:ACZ852002 AMV851995:AMV852002 AWR851995:AWR852002 BGN851995:BGN852002 BQJ851995:BQJ852002 CAF851995:CAF852002 CKB851995:CKB852002 CTX851995:CTX852002 DDT851995:DDT852002 DNP851995:DNP852002 DXL851995:DXL852002 EHH851995:EHH852002 ERD851995:ERD852002 FAZ851995:FAZ852002 FKV851995:FKV852002 FUR851995:FUR852002 GEN851995:GEN852002 GOJ851995:GOJ852002 GYF851995:GYF852002 HIB851995:HIB852002 HRX851995:HRX852002 IBT851995:IBT852002 ILP851995:ILP852002 IVL851995:IVL852002 JFH851995:JFH852002 JPD851995:JPD852002 JYZ851995:JYZ852002 KIV851995:KIV852002 KSR851995:KSR852002 LCN851995:LCN852002 LMJ851995:LMJ852002 LWF851995:LWF852002 MGB851995:MGB852002 MPX851995:MPX852002 MZT851995:MZT852002 NJP851995:NJP852002 NTL851995:NTL852002 ODH851995:ODH852002 OND851995:OND852002 OWZ851995:OWZ852002 PGV851995:PGV852002 PQR851995:PQR852002 QAN851995:QAN852002 QKJ851995:QKJ852002 QUF851995:QUF852002 REB851995:REB852002 RNX851995:RNX852002 RXT851995:RXT852002 SHP851995:SHP852002 SRL851995:SRL852002 TBH851995:TBH852002 TLD851995:TLD852002 TUZ851995:TUZ852002 UEV851995:UEV852002 UOR851995:UOR852002 UYN851995:UYN852002 VIJ851995:VIJ852002 VSF851995:VSF852002 WCB851995:WCB852002 WLX851995:WLX852002 WVT851995:WVT852002 L917531:L917538 JH917531:JH917538 TD917531:TD917538 ACZ917531:ACZ917538 AMV917531:AMV917538 AWR917531:AWR917538 BGN917531:BGN917538 BQJ917531:BQJ917538 CAF917531:CAF917538 CKB917531:CKB917538 CTX917531:CTX917538 DDT917531:DDT917538 DNP917531:DNP917538 DXL917531:DXL917538 EHH917531:EHH917538 ERD917531:ERD917538 FAZ917531:FAZ917538 FKV917531:FKV917538 FUR917531:FUR917538 GEN917531:GEN917538 GOJ917531:GOJ917538 GYF917531:GYF917538 HIB917531:HIB917538 HRX917531:HRX917538 IBT917531:IBT917538 ILP917531:ILP917538 IVL917531:IVL917538 JFH917531:JFH917538 JPD917531:JPD917538 JYZ917531:JYZ917538 KIV917531:KIV917538 KSR917531:KSR917538 LCN917531:LCN917538 LMJ917531:LMJ917538 LWF917531:LWF917538 MGB917531:MGB917538 MPX917531:MPX917538 MZT917531:MZT917538 NJP917531:NJP917538 NTL917531:NTL917538 ODH917531:ODH917538 OND917531:OND917538 OWZ917531:OWZ917538 PGV917531:PGV917538 PQR917531:PQR917538 QAN917531:QAN917538 QKJ917531:QKJ917538 QUF917531:QUF917538 REB917531:REB917538 RNX917531:RNX917538 RXT917531:RXT917538 SHP917531:SHP917538 SRL917531:SRL917538 TBH917531:TBH917538 TLD917531:TLD917538 TUZ917531:TUZ917538 UEV917531:UEV917538 UOR917531:UOR917538 UYN917531:UYN917538 VIJ917531:VIJ917538 VSF917531:VSF917538 WCB917531:WCB917538 WLX917531:WLX917538 WVT917531:WVT917538 L983067:L983074 JH983067:JH983074 TD983067:TD983074 ACZ983067:ACZ983074 AMV983067:AMV983074 AWR983067:AWR983074 BGN983067:BGN983074 BQJ983067:BQJ983074 CAF983067:CAF983074 CKB983067:CKB983074 CTX983067:CTX983074 DDT983067:DDT983074 DNP983067:DNP983074 DXL983067:DXL983074 EHH983067:EHH983074 ERD983067:ERD983074 FAZ983067:FAZ983074 FKV983067:FKV983074 FUR983067:FUR983074 GEN983067:GEN983074 GOJ983067:GOJ983074 GYF983067:GYF983074 HIB983067:HIB983074 HRX983067:HRX983074 IBT983067:IBT983074 ILP983067:ILP983074 IVL983067:IVL983074 JFH983067:JFH983074 JPD983067:JPD983074 JYZ983067:JYZ983074 KIV983067:KIV983074 KSR983067:KSR983074 LCN983067:LCN983074 LMJ983067:LMJ983074 LWF983067:LWF983074 MGB983067:MGB983074 MPX983067:MPX983074 MZT983067:MZT983074 NJP983067:NJP983074 NTL983067:NTL983074 ODH983067:ODH983074 OND983067:OND983074 OWZ983067:OWZ983074 PGV983067:PGV983074 PQR983067:PQR983074 QAN983067:QAN983074 QKJ983067:QKJ983074 QUF983067:QUF983074 REB983067:REB983074 RNX983067:RNX983074 RXT983067:RXT983074 SHP983067:SHP983074 SRL983067:SRL983074 TBH983067:TBH983074 TLD983067:TLD983074 TUZ983067:TUZ983074 UEV983067:UEV983074 UOR983067:UOR983074 UYN983067:UYN983074 VIJ983067:VIJ983074 VSF983067:VSF983074 WCB983067:WCB983074 WLX983067:WLX983074 WVT983067:WVT983074 A30 IW30 SS30 ACO30 AMK30 AWG30 BGC30 BPY30 BZU30 CJQ30 CTM30 DDI30 DNE30 DXA30 EGW30 EQS30 FAO30 FKK30 FUG30 GEC30 GNY30 GXU30 HHQ30 HRM30 IBI30 ILE30 IVA30 JEW30 JOS30 JYO30 KIK30 KSG30 LCC30 LLY30 LVU30 MFQ30 MPM30 MZI30 NJE30 NTA30 OCW30 OMS30 OWO30 PGK30 PQG30 QAC30 QJY30 QTU30 RDQ30 RNM30 RXI30 SHE30 SRA30 TAW30 TKS30 TUO30 UEK30 UOG30 UYC30 VHY30 VRU30 WBQ30 WLM30 WVI30 A65566 IW65566 SS65566 ACO65566 AMK65566 AWG65566 BGC65566 BPY65566 BZU65566 CJQ65566 CTM65566 DDI65566 DNE65566 DXA65566 EGW65566 EQS65566 FAO65566 FKK65566 FUG65566 GEC65566 GNY65566 GXU65566 HHQ65566 HRM65566 IBI65566 ILE65566 IVA65566 JEW65566 JOS65566 JYO65566 KIK65566 KSG65566 LCC65566 LLY65566 LVU65566 MFQ65566 MPM65566 MZI65566 NJE65566 NTA65566 OCW65566 OMS65566 OWO65566 PGK65566 PQG65566 QAC65566 QJY65566 QTU65566 RDQ65566 RNM65566 RXI65566 SHE65566 SRA65566 TAW65566 TKS65566 TUO65566 UEK65566 UOG65566 UYC65566 VHY65566 VRU65566 WBQ65566 WLM65566 WVI65566 A131102 IW131102 SS131102 ACO131102 AMK131102 AWG131102 BGC131102 BPY131102 BZU131102 CJQ131102 CTM131102 DDI131102 DNE131102 DXA131102 EGW131102 EQS131102 FAO131102 FKK131102 FUG131102 GEC131102 GNY131102 GXU131102 HHQ131102 HRM131102 IBI131102 ILE131102 IVA131102 JEW131102 JOS131102 JYO131102 KIK131102 KSG131102 LCC131102 LLY131102 LVU131102 MFQ131102 MPM131102 MZI131102 NJE131102 NTA131102 OCW131102 OMS131102 OWO131102 PGK131102 PQG131102 QAC131102 QJY131102 QTU131102 RDQ131102 RNM131102 RXI131102 SHE131102 SRA131102 TAW131102 TKS131102 TUO131102 UEK131102 UOG131102 UYC131102 VHY131102 VRU131102 WBQ131102 WLM131102 WVI131102 A196638 IW196638 SS196638 ACO196638 AMK196638 AWG196638 BGC196638 BPY196638 BZU196638 CJQ196638 CTM196638 DDI196638 DNE196638 DXA196638 EGW196638 EQS196638 FAO196638 FKK196638 FUG196638 GEC196638 GNY196638 GXU196638 HHQ196638 HRM196638 IBI196638 ILE196638 IVA196638 JEW196638 JOS196638 JYO196638 KIK196638 KSG196638 LCC196638 LLY196638 LVU196638 MFQ196638 MPM196638 MZI196638 NJE196638 NTA196638 OCW196638 OMS196638 OWO196638 PGK196638 PQG196638 QAC196638 QJY196638 QTU196638 RDQ196638 RNM196638 RXI196638 SHE196638 SRA196638 TAW196638 TKS196638 TUO196638 UEK196638 UOG196638 UYC196638 VHY196638 VRU196638 WBQ196638 WLM196638 WVI196638 A262174 IW262174 SS262174 ACO262174 AMK262174 AWG262174 BGC262174 BPY262174 BZU262174 CJQ262174 CTM262174 DDI262174 DNE262174 DXA262174 EGW262174 EQS262174 FAO262174 FKK262174 FUG262174 GEC262174 GNY262174 GXU262174 HHQ262174 HRM262174 IBI262174 ILE262174 IVA262174 JEW262174 JOS262174 JYO262174 KIK262174 KSG262174 LCC262174 LLY262174 LVU262174 MFQ262174 MPM262174 MZI262174 NJE262174 NTA262174 OCW262174 OMS262174 OWO262174 PGK262174 PQG262174 QAC262174 QJY262174 QTU262174 RDQ262174 RNM262174 RXI262174 SHE262174 SRA262174 TAW262174 TKS262174 TUO262174 UEK262174 UOG262174 UYC262174 VHY262174 VRU262174 WBQ262174 WLM262174 WVI262174 A327710 IW327710 SS327710 ACO327710 AMK327710 AWG327710 BGC327710 BPY327710 BZU327710 CJQ327710 CTM327710 DDI327710 DNE327710 DXA327710 EGW327710 EQS327710 FAO327710 FKK327710 FUG327710 GEC327710 GNY327710 GXU327710 HHQ327710 HRM327710 IBI327710 ILE327710 IVA327710 JEW327710 JOS327710 JYO327710 KIK327710 KSG327710 LCC327710 LLY327710 LVU327710 MFQ327710 MPM327710 MZI327710 NJE327710 NTA327710 OCW327710 OMS327710 OWO327710 PGK327710 PQG327710 QAC327710 QJY327710 QTU327710 RDQ327710 RNM327710 RXI327710 SHE327710 SRA327710 TAW327710 TKS327710 TUO327710 UEK327710 UOG327710 UYC327710 VHY327710 VRU327710 WBQ327710 WLM327710 WVI327710 A393246 IW393246 SS393246 ACO393246 AMK393246 AWG393246 BGC393246 BPY393246 BZU393246 CJQ393246 CTM393246 DDI393246 DNE393246 DXA393246 EGW393246 EQS393246 FAO393246 FKK393246 FUG393246 GEC393246 GNY393246 GXU393246 HHQ393246 HRM393246 IBI393246 ILE393246 IVA393246 JEW393246 JOS393246 JYO393246 KIK393246 KSG393246 LCC393246 LLY393246 LVU393246 MFQ393246 MPM393246 MZI393246 NJE393246 NTA393246 OCW393246 OMS393246 OWO393246 PGK393246 PQG393246 QAC393246 QJY393246 QTU393246 RDQ393246 RNM393246 RXI393246 SHE393246 SRA393246 TAW393246 TKS393246 TUO393246 UEK393246 UOG393246 UYC393246 VHY393246 VRU393246 WBQ393246 WLM393246 WVI393246 A458782 IW458782 SS458782 ACO458782 AMK458782 AWG458782 BGC458782 BPY458782 BZU458782 CJQ458782 CTM458782 DDI458782 DNE458782 DXA458782 EGW458782 EQS458782 FAO458782 FKK458782 FUG458782 GEC458782 GNY458782 GXU458782 HHQ458782 HRM458782 IBI458782 ILE458782 IVA458782 JEW458782 JOS458782 JYO458782 KIK458782 KSG458782 LCC458782 LLY458782 LVU458782 MFQ458782 MPM458782 MZI458782 NJE458782 NTA458782 OCW458782 OMS458782 OWO458782 PGK458782 PQG458782 QAC458782 QJY458782 QTU458782 RDQ458782 RNM458782 RXI458782 SHE458782 SRA458782 TAW458782 TKS458782 TUO458782 UEK458782 UOG458782 UYC458782 VHY458782 VRU458782 WBQ458782 WLM458782 WVI458782 A524318 IW524318 SS524318 ACO524318 AMK524318 AWG524318 BGC524318 BPY524318 BZU524318 CJQ524318 CTM524318 DDI524318 DNE524318 DXA524318 EGW524318 EQS524318 FAO524318 FKK524318 FUG524318 GEC524318 GNY524318 GXU524318 HHQ524318 HRM524318 IBI524318 ILE524318 IVA524318 JEW524318 JOS524318 JYO524318 KIK524318 KSG524318 LCC524318 LLY524318 LVU524318 MFQ524318 MPM524318 MZI524318 NJE524318 NTA524318 OCW524318 OMS524318 OWO524318 PGK524318 PQG524318 QAC524318 QJY524318 QTU524318 RDQ524318 RNM524318 RXI524318 SHE524318 SRA524318 TAW524318 TKS524318 TUO524318 UEK524318 UOG524318 UYC524318 VHY524318 VRU524318 WBQ524318 WLM524318 WVI524318 A589854 IW589854 SS589854 ACO589854 AMK589854 AWG589854 BGC589854 BPY589854 BZU589854 CJQ589854 CTM589854 DDI589854 DNE589854 DXA589854 EGW589854 EQS589854 FAO589854 FKK589854 FUG589854 GEC589854 GNY589854 GXU589854 HHQ589854 HRM589854 IBI589854 ILE589854 IVA589854 JEW589854 JOS589854 JYO589854 KIK589854 KSG589854 LCC589854 LLY589854 LVU589854 MFQ589854 MPM589854 MZI589854 NJE589854 NTA589854 OCW589854 OMS589854 OWO589854 PGK589854 PQG589854 QAC589854 QJY589854 QTU589854 RDQ589854 RNM589854 RXI589854 SHE589854 SRA589854 TAW589854 TKS589854 TUO589854 UEK589854 UOG589854 UYC589854 VHY589854 VRU589854 WBQ589854 WLM589854 WVI589854 A655390 IW655390 SS655390 ACO655390 AMK655390 AWG655390 BGC655390 BPY655390 BZU655390 CJQ655390 CTM655390 DDI655390 DNE655390 DXA655390 EGW655390 EQS655390 FAO655390 FKK655390 FUG655390 GEC655390 GNY655390 GXU655390 HHQ655390 HRM655390 IBI655390 ILE655390 IVA655390 JEW655390 JOS655390 JYO655390 KIK655390 KSG655390 LCC655390 LLY655390 LVU655390 MFQ655390 MPM655390 MZI655390 NJE655390 NTA655390 OCW655390 OMS655390 OWO655390 PGK655390 PQG655390 QAC655390 QJY655390 QTU655390 RDQ655390 RNM655390 RXI655390 SHE655390 SRA655390 TAW655390 TKS655390 TUO655390 UEK655390 UOG655390 UYC655390 VHY655390 VRU655390 WBQ655390 WLM655390 WVI655390 A720926 IW720926 SS720926 ACO720926 AMK720926 AWG720926 BGC720926 BPY720926 BZU720926 CJQ720926 CTM720926 DDI720926 DNE720926 DXA720926 EGW720926 EQS720926 FAO720926 FKK720926 FUG720926 GEC720926 GNY720926 GXU720926 HHQ720926 HRM720926 IBI720926 ILE720926 IVA720926 JEW720926 JOS720926 JYO720926 KIK720926 KSG720926 LCC720926 LLY720926 LVU720926 MFQ720926 MPM720926 MZI720926 NJE720926 NTA720926 OCW720926 OMS720926 OWO720926 PGK720926 PQG720926 QAC720926 QJY720926 QTU720926 RDQ720926 RNM720926 RXI720926 SHE720926 SRA720926 TAW720926 TKS720926 TUO720926 UEK720926 UOG720926 UYC720926 VHY720926 VRU720926 WBQ720926 WLM720926 WVI720926 A786462 IW786462 SS786462 ACO786462 AMK786462 AWG786462 BGC786462 BPY786462 BZU786462 CJQ786462 CTM786462 DDI786462 DNE786462 DXA786462 EGW786462 EQS786462 FAO786462 FKK786462 FUG786462 GEC786462 GNY786462 GXU786462 HHQ786462 HRM786462 IBI786462 ILE786462 IVA786462 JEW786462 JOS786462 JYO786462 KIK786462 KSG786462 LCC786462 LLY786462 LVU786462 MFQ786462 MPM786462 MZI786462 NJE786462 NTA786462 OCW786462 OMS786462 OWO786462 PGK786462 PQG786462 QAC786462 QJY786462 QTU786462 RDQ786462 RNM786462 RXI786462 SHE786462 SRA786462 TAW786462 TKS786462 TUO786462 UEK786462 UOG786462 UYC786462 VHY786462 VRU786462 WBQ786462 WLM786462 WVI786462 A851998 IW851998 SS851998 ACO851998 AMK851998 AWG851998 BGC851998 BPY851998 BZU851998 CJQ851998 CTM851998 DDI851998 DNE851998 DXA851998 EGW851998 EQS851998 FAO851998 FKK851998 FUG851998 GEC851998 GNY851998 GXU851998 HHQ851998 HRM851998 IBI851998 ILE851998 IVA851998 JEW851998 JOS851998 JYO851998 KIK851998 KSG851998 LCC851998 LLY851998 LVU851998 MFQ851998 MPM851998 MZI851998 NJE851998 NTA851998 OCW851998 OMS851998 OWO851998 PGK851998 PQG851998 QAC851998 QJY851998 QTU851998 RDQ851998 RNM851998 RXI851998 SHE851998 SRA851998 TAW851998 TKS851998 TUO851998 UEK851998 UOG851998 UYC851998 VHY851998 VRU851998 WBQ851998 WLM851998 WVI851998 A917534 IW917534 SS917534 ACO917534 AMK917534 AWG917534 BGC917534 BPY917534 BZU917534 CJQ917534 CTM917534 DDI917534 DNE917534 DXA917534 EGW917534 EQS917534 FAO917534 FKK917534 FUG917534 GEC917534 GNY917534 GXU917534 HHQ917534 HRM917534 IBI917534 ILE917534 IVA917534 JEW917534 JOS917534 JYO917534 KIK917534 KSG917534 LCC917534 LLY917534 LVU917534 MFQ917534 MPM917534 MZI917534 NJE917534 NTA917534 OCW917534 OMS917534 OWO917534 PGK917534 PQG917534 QAC917534 QJY917534 QTU917534 RDQ917534 RNM917534 RXI917534 SHE917534 SRA917534 TAW917534 TKS917534 TUO917534 UEK917534 UOG917534 UYC917534 VHY917534 VRU917534 WBQ917534 WLM917534 WVI917534 A983070 IW983070 SS983070 ACO983070 AMK983070 AWG983070 BGC983070 BPY983070 BZU983070 CJQ983070 CTM983070 DDI983070 DNE983070 DXA983070 EGW983070 EQS983070 FAO983070 FKK983070 FUG983070 GEC983070 GNY983070 GXU983070 HHQ983070 HRM983070 IBI983070 ILE983070 IVA983070 JEW983070 JOS983070 JYO983070 KIK983070 KSG983070 LCC983070 LLY983070 LVU983070 MFQ983070 MPM983070 MZI983070 NJE983070 NTA983070 OCW983070 OMS983070 OWO983070 PGK983070 PQG983070 QAC983070 QJY983070 QTU983070 RDQ983070 RNM983070 RXI983070 SHE983070 SRA983070 TAW983070 TKS983070 TUO983070 UEK983070 UOG983070 UYC983070 VHY983070 VRU983070 WBQ983070 WLM983070 WVI983070 O32:O33 JK32:JK33 TG32:TG33 ADC32:ADC33 AMY32:AMY33 AWU32:AWU33 BGQ32:BGQ33 BQM32:BQM33 CAI32:CAI33 CKE32:CKE33 CUA32:CUA33 DDW32:DDW33 DNS32:DNS33 DXO32:DXO33 EHK32:EHK33 ERG32:ERG33 FBC32:FBC33 FKY32:FKY33 FUU32:FUU33 GEQ32:GEQ33 GOM32:GOM33 GYI32:GYI33 HIE32:HIE33 HSA32:HSA33 IBW32:IBW33 ILS32:ILS33 IVO32:IVO33 JFK32:JFK33 JPG32:JPG33 JZC32:JZC33 KIY32:KIY33 KSU32:KSU33 LCQ32:LCQ33 LMM32:LMM33 LWI32:LWI33 MGE32:MGE33 MQA32:MQA33 MZW32:MZW33 NJS32:NJS33 NTO32:NTO33 ODK32:ODK33 ONG32:ONG33 OXC32:OXC33 PGY32:PGY33 PQU32:PQU33 QAQ32:QAQ33 QKM32:QKM33 QUI32:QUI33 REE32:REE33 ROA32:ROA33 RXW32:RXW33 SHS32:SHS33 SRO32:SRO33 TBK32:TBK33 TLG32:TLG33 TVC32:TVC33 UEY32:UEY33 UOU32:UOU33 UYQ32:UYQ33 VIM32:VIM33 VSI32:VSI33 WCE32:WCE33 WMA32:WMA33 WVW32:WVW33 O65568:O65569 JK65568:JK65569 TG65568:TG65569 ADC65568:ADC65569 AMY65568:AMY65569 AWU65568:AWU65569 BGQ65568:BGQ65569 BQM65568:BQM65569 CAI65568:CAI65569 CKE65568:CKE65569 CUA65568:CUA65569 DDW65568:DDW65569 DNS65568:DNS65569 DXO65568:DXO65569 EHK65568:EHK65569 ERG65568:ERG65569 FBC65568:FBC65569 FKY65568:FKY65569 FUU65568:FUU65569 GEQ65568:GEQ65569 GOM65568:GOM65569 GYI65568:GYI65569 HIE65568:HIE65569 HSA65568:HSA65569 IBW65568:IBW65569 ILS65568:ILS65569 IVO65568:IVO65569 JFK65568:JFK65569 JPG65568:JPG65569 JZC65568:JZC65569 KIY65568:KIY65569 KSU65568:KSU65569 LCQ65568:LCQ65569 LMM65568:LMM65569 LWI65568:LWI65569 MGE65568:MGE65569 MQA65568:MQA65569 MZW65568:MZW65569 NJS65568:NJS65569 NTO65568:NTO65569 ODK65568:ODK65569 ONG65568:ONG65569 OXC65568:OXC65569 PGY65568:PGY65569 PQU65568:PQU65569 QAQ65568:QAQ65569 QKM65568:QKM65569 QUI65568:QUI65569 REE65568:REE65569 ROA65568:ROA65569 RXW65568:RXW65569 SHS65568:SHS65569 SRO65568:SRO65569 TBK65568:TBK65569 TLG65568:TLG65569 TVC65568:TVC65569 UEY65568:UEY65569 UOU65568:UOU65569 UYQ65568:UYQ65569 VIM65568:VIM65569 VSI65568:VSI65569 WCE65568:WCE65569 WMA65568:WMA65569 WVW65568:WVW65569 O131104:O131105 JK131104:JK131105 TG131104:TG131105 ADC131104:ADC131105 AMY131104:AMY131105 AWU131104:AWU131105 BGQ131104:BGQ131105 BQM131104:BQM131105 CAI131104:CAI131105 CKE131104:CKE131105 CUA131104:CUA131105 DDW131104:DDW131105 DNS131104:DNS131105 DXO131104:DXO131105 EHK131104:EHK131105 ERG131104:ERG131105 FBC131104:FBC131105 FKY131104:FKY131105 FUU131104:FUU131105 GEQ131104:GEQ131105 GOM131104:GOM131105 GYI131104:GYI131105 HIE131104:HIE131105 HSA131104:HSA131105 IBW131104:IBW131105 ILS131104:ILS131105 IVO131104:IVO131105 JFK131104:JFK131105 JPG131104:JPG131105 JZC131104:JZC131105 KIY131104:KIY131105 KSU131104:KSU131105 LCQ131104:LCQ131105 LMM131104:LMM131105 LWI131104:LWI131105 MGE131104:MGE131105 MQA131104:MQA131105 MZW131104:MZW131105 NJS131104:NJS131105 NTO131104:NTO131105 ODK131104:ODK131105 ONG131104:ONG131105 OXC131104:OXC131105 PGY131104:PGY131105 PQU131104:PQU131105 QAQ131104:QAQ131105 QKM131104:QKM131105 QUI131104:QUI131105 REE131104:REE131105 ROA131104:ROA131105 RXW131104:RXW131105 SHS131104:SHS131105 SRO131104:SRO131105 TBK131104:TBK131105 TLG131104:TLG131105 TVC131104:TVC131105 UEY131104:UEY131105 UOU131104:UOU131105 UYQ131104:UYQ131105 VIM131104:VIM131105 VSI131104:VSI131105 WCE131104:WCE131105 WMA131104:WMA131105 WVW131104:WVW131105 O196640:O196641 JK196640:JK196641 TG196640:TG196641 ADC196640:ADC196641 AMY196640:AMY196641 AWU196640:AWU196641 BGQ196640:BGQ196641 BQM196640:BQM196641 CAI196640:CAI196641 CKE196640:CKE196641 CUA196640:CUA196641 DDW196640:DDW196641 DNS196640:DNS196641 DXO196640:DXO196641 EHK196640:EHK196641 ERG196640:ERG196641 FBC196640:FBC196641 FKY196640:FKY196641 FUU196640:FUU196641 GEQ196640:GEQ196641 GOM196640:GOM196641 GYI196640:GYI196641 HIE196640:HIE196641 HSA196640:HSA196641 IBW196640:IBW196641 ILS196640:ILS196641 IVO196640:IVO196641 JFK196640:JFK196641 JPG196640:JPG196641 JZC196640:JZC196641 KIY196640:KIY196641 KSU196640:KSU196641 LCQ196640:LCQ196641 LMM196640:LMM196641 LWI196640:LWI196641 MGE196640:MGE196641 MQA196640:MQA196641 MZW196640:MZW196641 NJS196640:NJS196641 NTO196640:NTO196641 ODK196640:ODK196641 ONG196640:ONG196641 OXC196640:OXC196641 PGY196640:PGY196641 PQU196640:PQU196641 QAQ196640:QAQ196641 QKM196640:QKM196641 QUI196640:QUI196641 REE196640:REE196641 ROA196640:ROA196641 RXW196640:RXW196641 SHS196640:SHS196641 SRO196640:SRO196641 TBK196640:TBK196641 TLG196640:TLG196641 TVC196640:TVC196641 UEY196640:UEY196641 UOU196640:UOU196641 UYQ196640:UYQ196641 VIM196640:VIM196641 VSI196640:VSI196641 WCE196640:WCE196641 WMA196640:WMA196641 WVW196640:WVW196641 O262176:O262177 JK262176:JK262177 TG262176:TG262177 ADC262176:ADC262177 AMY262176:AMY262177 AWU262176:AWU262177 BGQ262176:BGQ262177 BQM262176:BQM262177 CAI262176:CAI262177 CKE262176:CKE262177 CUA262176:CUA262177 DDW262176:DDW262177 DNS262176:DNS262177 DXO262176:DXO262177 EHK262176:EHK262177 ERG262176:ERG262177 FBC262176:FBC262177 FKY262176:FKY262177 FUU262176:FUU262177 GEQ262176:GEQ262177 GOM262176:GOM262177 GYI262176:GYI262177 HIE262176:HIE262177 HSA262176:HSA262177 IBW262176:IBW262177 ILS262176:ILS262177 IVO262176:IVO262177 JFK262176:JFK262177 JPG262176:JPG262177 JZC262176:JZC262177 KIY262176:KIY262177 KSU262176:KSU262177 LCQ262176:LCQ262177 LMM262176:LMM262177 LWI262176:LWI262177 MGE262176:MGE262177 MQA262176:MQA262177 MZW262176:MZW262177 NJS262176:NJS262177 NTO262176:NTO262177 ODK262176:ODK262177 ONG262176:ONG262177 OXC262176:OXC262177 PGY262176:PGY262177 PQU262176:PQU262177 QAQ262176:QAQ262177 QKM262176:QKM262177 QUI262176:QUI262177 REE262176:REE262177 ROA262176:ROA262177 RXW262176:RXW262177 SHS262176:SHS262177 SRO262176:SRO262177 TBK262176:TBK262177 TLG262176:TLG262177 TVC262176:TVC262177 UEY262176:UEY262177 UOU262176:UOU262177 UYQ262176:UYQ262177 VIM262176:VIM262177 VSI262176:VSI262177 WCE262176:WCE262177 WMA262176:WMA262177 WVW262176:WVW262177 O327712:O327713 JK327712:JK327713 TG327712:TG327713 ADC327712:ADC327713 AMY327712:AMY327713 AWU327712:AWU327713 BGQ327712:BGQ327713 BQM327712:BQM327713 CAI327712:CAI327713 CKE327712:CKE327713 CUA327712:CUA327713 DDW327712:DDW327713 DNS327712:DNS327713 DXO327712:DXO327713 EHK327712:EHK327713 ERG327712:ERG327713 FBC327712:FBC327713 FKY327712:FKY327713 FUU327712:FUU327713 GEQ327712:GEQ327713 GOM327712:GOM327713 GYI327712:GYI327713 HIE327712:HIE327713 HSA327712:HSA327713 IBW327712:IBW327713 ILS327712:ILS327713 IVO327712:IVO327713 JFK327712:JFK327713 JPG327712:JPG327713 JZC327712:JZC327713 KIY327712:KIY327713 KSU327712:KSU327713 LCQ327712:LCQ327713 LMM327712:LMM327713 LWI327712:LWI327713 MGE327712:MGE327713 MQA327712:MQA327713 MZW327712:MZW327713 NJS327712:NJS327713 NTO327712:NTO327713 ODK327712:ODK327713 ONG327712:ONG327713 OXC327712:OXC327713 PGY327712:PGY327713 PQU327712:PQU327713 QAQ327712:QAQ327713 QKM327712:QKM327713 QUI327712:QUI327713 REE327712:REE327713 ROA327712:ROA327713 RXW327712:RXW327713 SHS327712:SHS327713 SRO327712:SRO327713 TBK327712:TBK327713 TLG327712:TLG327713 TVC327712:TVC327713 UEY327712:UEY327713 UOU327712:UOU327713 UYQ327712:UYQ327713 VIM327712:VIM327713 VSI327712:VSI327713 WCE327712:WCE327713 WMA327712:WMA327713 WVW327712:WVW327713 O393248:O393249 JK393248:JK393249 TG393248:TG393249 ADC393248:ADC393249 AMY393248:AMY393249 AWU393248:AWU393249 BGQ393248:BGQ393249 BQM393248:BQM393249 CAI393248:CAI393249 CKE393248:CKE393249 CUA393248:CUA393249 DDW393248:DDW393249 DNS393248:DNS393249 DXO393248:DXO393249 EHK393248:EHK393249 ERG393248:ERG393249 FBC393248:FBC393249 FKY393248:FKY393249 FUU393248:FUU393249 GEQ393248:GEQ393249 GOM393248:GOM393249 GYI393248:GYI393249 HIE393248:HIE393249 HSA393248:HSA393249 IBW393248:IBW393249 ILS393248:ILS393249 IVO393248:IVO393249 JFK393248:JFK393249 JPG393248:JPG393249 JZC393248:JZC393249 KIY393248:KIY393249 KSU393248:KSU393249 LCQ393248:LCQ393249 LMM393248:LMM393249 LWI393248:LWI393249 MGE393248:MGE393249 MQA393248:MQA393249 MZW393248:MZW393249 NJS393248:NJS393249 NTO393248:NTO393249 ODK393248:ODK393249 ONG393248:ONG393249 OXC393248:OXC393249 PGY393248:PGY393249 PQU393248:PQU393249 QAQ393248:QAQ393249 QKM393248:QKM393249 QUI393248:QUI393249 REE393248:REE393249 ROA393248:ROA393249 RXW393248:RXW393249 SHS393248:SHS393249 SRO393248:SRO393249 TBK393248:TBK393249 TLG393248:TLG393249 TVC393248:TVC393249 UEY393248:UEY393249 UOU393248:UOU393249 UYQ393248:UYQ393249 VIM393248:VIM393249 VSI393248:VSI393249 WCE393248:WCE393249 WMA393248:WMA393249 WVW393248:WVW393249 O458784:O458785 JK458784:JK458785 TG458784:TG458785 ADC458784:ADC458785 AMY458784:AMY458785 AWU458784:AWU458785 BGQ458784:BGQ458785 BQM458784:BQM458785 CAI458784:CAI458785 CKE458784:CKE458785 CUA458784:CUA458785 DDW458784:DDW458785 DNS458784:DNS458785 DXO458784:DXO458785 EHK458784:EHK458785 ERG458784:ERG458785 FBC458784:FBC458785 FKY458784:FKY458785 FUU458784:FUU458785 GEQ458784:GEQ458785 GOM458784:GOM458785 GYI458784:GYI458785 HIE458784:HIE458785 HSA458784:HSA458785 IBW458784:IBW458785 ILS458784:ILS458785 IVO458784:IVO458785 JFK458784:JFK458785 JPG458784:JPG458785 JZC458784:JZC458785 KIY458784:KIY458785 KSU458784:KSU458785 LCQ458784:LCQ458785 LMM458784:LMM458785 LWI458784:LWI458785 MGE458784:MGE458785 MQA458784:MQA458785 MZW458784:MZW458785 NJS458784:NJS458785 NTO458784:NTO458785 ODK458784:ODK458785 ONG458784:ONG458785 OXC458784:OXC458785 PGY458784:PGY458785 PQU458784:PQU458785 QAQ458784:QAQ458785 QKM458784:QKM458785 QUI458784:QUI458785 REE458784:REE458785 ROA458784:ROA458785 RXW458784:RXW458785 SHS458784:SHS458785 SRO458784:SRO458785 TBK458784:TBK458785 TLG458784:TLG458785 TVC458784:TVC458785 UEY458784:UEY458785 UOU458784:UOU458785 UYQ458784:UYQ458785 VIM458784:VIM458785 VSI458784:VSI458785 WCE458784:WCE458785 WMA458784:WMA458785 WVW458784:WVW458785 O524320:O524321 JK524320:JK524321 TG524320:TG524321 ADC524320:ADC524321 AMY524320:AMY524321 AWU524320:AWU524321 BGQ524320:BGQ524321 BQM524320:BQM524321 CAI524320:CAI524321 CKE524320:CKE524321 CUA524320:CUA524321 DDW524320:DDW524321 DNS524320:DNS524321 DXO524320:DXO524321 EHK524320:EHK524321 ERG524320:ERG524321 FBC524320:FBC524321 FKY524320:FKY524321 FUU524320:FUU524321 GEQ524320:GEQ524321 GOM524320:GOM524321 GYI524320:GYI524321 HIE524320:HIE524321 HSA524320:HSA524321 IBW524320:IBW524321 ILS524320:ILS524321 IVO524320:IVO524321 JFK524320:JFK524321 JPG524320:JPG524321 JZC524320:JZC524321 KIY524320:KIY524321 KSU524320:KSU524321 LCQ524320:LCQ524321 LMM524320:LMM524321 LWI524320:LWI524321 MGE524320:MGE524321 MQA524320:MQA524321 MZW524320:MZW524321 NJS524320:NJS524321 NTO524320:NTO524321 ODK524320:ODK524321 ONG524320:ONG524321 OXC524320:OXC524321 PGY524320:PGY524321 PQU524320:PQU524321 QAQ524320:QAQ524321 QKM524320:QKM524321 QUI524320:QUI524321 REE524320:REE524321 ROA524320:ROA524321 RXW524320:RXW524321 SHS524320:SHS524321 SRO524320:SRO524321 TBK524320:TBK524321 TLG524320:TLG524321 TVC524320:TVC524321 UEY524320:UEY524321 UOU524320:UOU524321 UYQ524320:UYQ524321 VIM524320:VIM524321 VSI524320:VSI524321 WCE524320:WCE524321 WMA524320:WMA524321 WVW524320:WVW524321 O589856:O589857 JK589856:JK589857 TG589856:TG589857 ADC589856:ADC589857 AMY589856:AMY589857 AWU589856:AWU589857 BGQ589856:BGQ589857 BQM589856:BQM589857 CAI589856:CAI589857 CKE589856:CKE589857 CUA589856:CUA589857 DDW589856:DDW589857 DNS589856:DNS589857 DXO589856:DXO589857 EHK589856:EHK589857 ERG589856:ERG589857 FBC589856:FBC589857 FKY589856:FKY589857 FUU589856:FUU589857 GEQ589856:GEQ589857 GOM589856:GOM589857 GYI589856:GYI589857 HIE589856:HIE589857 HSA589856:HSA589857 IBW589856:IBW589857 ILS589856:ILS589857 IVO589856:IVO589857 JFK589856:JFK589857 JPG589856:JPG589857 JZC589856:JZC589857 KIY589856:KIY589857 KSU589856:KSU589857 LCQ589856:LCQ589857 LMM589856:LMM589857 LWI589856:LWI589857 MGE589856:MGE589857 MQA589856:MQA589857 MZW589856:MZW589857 NJS589856:NJS589857 NTO589856:NTO589857 ODK589856:ODK589857 ONG589856:ONG589857 OXC589856:OXC589857 PGY589856:PGY589857 PQU589856:PQU589857 QAQ589856:QAQ589857 QKM589856:QKM589857 QUI589856:QUI589857 REE589856:REE589857 ROA589856:ROA589857 RXW589856:RXW589857 SHS589856:SHS589857 SRO589856:SRO589857 TBK589856:TBK589857 TLG589856:TLG589857 TVC589856:TVC589857 UEY589856:UEY589857 UOU589856:UOU589857 UYQ589856:UYQ589857 VIM589856:VIM589857 VSI589856:VSI589857 WCE589856:WCE589857 WMA589856:WMA589857 WVW589856:WVW589857 O655392:O655393 JK655392:JK655393 TG655392:TG655393 ADC655392:ADC655393 AMY655392:AMY655393 AWU655392:AWU655393 BGQ655392:BGQ655393 BQM655392:BQM655393 CAI655392:CAI655393 CKE655392:CKE655393 CUA655392:CUA655393 DDW655392:DDW655393 DNS655392:DNS655393 DXO655392:DXO655393 EHK655392:EHK655393 ERG655392:ERG655393 FBC655392:FBC655393 FKY655392:FKY655393 FUU655392:FUU655393 GEQ655392:GEQ655393 GOM655392:GOM655393 GYI655392:GYI655393 HIE655392:HIE655393 HSA655392:HSA655393 IBW655392:IBW655393 ILS655392:ILS655393 IVO655392:IVO655393 JFK655392:JFK655393 JPG655392:JPG655393 JZC655392:JZC655393 KIY655392:KIY655393 KSU655392:KSU655393 LCQ655392:LCQ655393 LMM655392:LMM655393 LWI655392:LWI655393 MGE655392:MGE655393 MQA655392:MQA655393 MZW655392:MZW655393 NJS655392:NJS655393 NTO655392:NTO655393 ODK655392:ODK655393 ONG655392:ONG655393 OXC655392:OXC655393 PGY655392:PGY655393 PQU655392:PQU655393 QAQ655392:QAQ655393 QKM655392:QKM655393 QUI655392:QUI655393 REE655392:REE655393 ROA655392:ROA655393 RXW655392:RXW655393 SHS655392:SHS655393 SRO655392:SRO655393 TBK655392:TBK655393 TLG655392:TLG655393 TVC655392:TVC655393 UEY655392:UEY655393 UOU655392:UOU655393 UYQ655392:UYQ655393 VIM655392:VIM655393 VSI655392:VSI655393 WCE655392:WCE655393 WMA655392:WMA655393 WVW655392:WVW655393 O720928:O720929 JK720928:JK720929 TG720928:TG720929 ADC720928:ADC720929 AMY720928:AMY720929 AWU720928:AWU720929 BGQ720928:BGQ720929 BQM720928:BQM720929 CAI720928:CAI720929 CKE720928:CKE720929 CUA720928:CUA720929 DDW720928:DDW720929 DNS720928:DNS720929 DXO720928:DXO720929 EHK720928:EHK720929 ERG720928:ERG720929 FBC720928:FBC720929 FKY720928:FKY720929 FUU720928:FUU720929 GEQ720928:GEQ720929 GOM720928:GOM720929 GYI720928:GYI720929 HIE720928:HIE720929 HSA720928:HSA720929 IBW720928:IBW720929 ILS720928:ILS720929 IVO720928:IVO720929 JFK720928:JFK720929 JPG720928:JPG720929 JZC720928:JZC720929 KIY720928:KIY720929 KSU720928:KSU720929 LCQ720928:LCQ720929 LMM720928:LMM720929 LWI720928:LWI720929 MGE720928:MGE720929 MQA720928:MQA720929 MZW720928:MZW720929 NJS720928:NJS720929 NTO720928:NTO720929 ODK720928:ODK720929 ONG720928:ONG720929 OXC720928:OXC720929 PGY720928:PGY720929 PQU720928:PQU720929 QAQ720928:QAQ720929 QKM720928:QKM720929 QUI720928:QUI720929 REE720928:REE720929 ROA720928:ROA720929 RXW720928:RXW720929 SHS720928:SHS720929 SRO720928:SRO720929 TBK720928:TBK720929 TLG720928:TLG720929 TVC720928:TVC720929 UEY720928:UEY720929 UOU720928:UOU720929 UYQ720928:UYQ720929 VIM720928:VIM720929 VSI720928:VSI720929 WCE720928:WCE720929 WMA720928:WMA720929 WVW720928:WVW720929 O786464:O786465 JK786464:JK786465 TG786464:TG786465 ADC786464:ADC786465 AMY786464:AMY786465 AWU786464:AWU786465 BGQ786464:BGQ786465 BQM786464:BQM786465 CAI786464:CAI786465 CKE786464:CKE786465 CUA786464:CUA786465 DDW786464:DDW786465 DNS786464:DNS786465 DXO786464:DXO786465 EHK786464:EHK786465 ERG786464:ERG786465 FBC786464:FBC786465 FKY786464:FKY786465 FUU786464:FUU786465 GEQ786464:GEQ786465 GOM786464:GOM786465 GYI786464:GYI786465 HIE786464:HIE786465 HSA786464:HSA786465 IBW786464:IBW786465 ILS786464:ILS786465 IVO786464:IVO786465 JFK786464:JFK786465 JPG786464:JPG786465 JZC786464:JZC786465 KIY786464:KIY786465 KSU786464:KSU786465 LCQ786464:LCQ786465 LMM786464:LMM786465 LWI786464:LWI786465 MGE786464:MGE786465 MQA786464:MQA786465 MZW786464:MZW786465 NJS786464:NJS786465 NTO786464:NTO786465 ODK786464:ODK786465 ONG786464:ONG786465 OXC786464:OXC786465 PGY786464:PGY786465 PQU786464:PQU786465 QAQ786464:QAQ786465 QKM786464:QKM786465 QUI786464:QUI786465 REE786464:REE786465 ROA786464:ROA786465 RXW786464:RXW786465 SHS786464:SHS786465 SRO786464:SRO786465 TBK786464:TBK786465 TLG786464:TLG786465 TVC786464:TVC786465 UEY786464:UEY786465 UOU786464:UOU786465 UYQ786464:UYQ786465 VIM786464:VIM786465 VSI786464:VSI786465 WCE786464:WCE786465 WMA786464:WMA786465 WVW786464:WVW786465 O852000:O852001 JK852000:JK852001 TG852000:TG852001 ADC852000:ADC852001 AMY852000:AMY852001 AWU852000:AWU852001 BGQ852000:BGQ852001 BQM852000:BQM852001 CAI852000:CAI852001 CKE852000:CKE852001 CUA852000:CUA852001 DDW852000:DDW852001 DNS852000:DNS852001 DXO852000:DXO852001 EHK852000:EHK852001 ERG852000:ERG852001 FBC852000:FBC852001 FKY852000:FKY852001 FUU852000:FUU852001 GEQ852000:GEQ852001 GOM852000:GOM852001 GYI852000:GYI852001 HIE852000:HIE852001 HSA852000:HSA852001 IBW852000:IBW852001 ILS852000:ILS852001 IVO852000:IVO852001 JFK852000:JFK852001 JPG852000:JPG852001 JZC852000:JZC852001 KIY852000:KIY852001 KSU852000:KSU852001 LCQ852000:LCQ852001 LMM852000:LMM852001 LWI852000:LWI852001 MGE852000:MGE852001 MQA852000:MQA852001 MZW852000:MZW852001 NJS852000:NJS852001 NTO852000:NTO852001 ODK852000:ODK852001 ONG852000:ONG852001 OXC852000:OXC852001 PGY852000:PGY852001 PQU852000:PQU852001 QAQ852000:QAQ852001 QKM852000:QKM852001 QUI852000:QUI852001 REE852000:REE852001 ROA852000:ROA852001 RXW852000:RXW852001 SHS852000:SHS852001 SRO852000:SRO852001 TBK852000:TBK852001 TLG852000:TLG852001 TVC852000:TVC852001 UEY852000:UEY852001 UOU852000:UOU852001 UYQ852000:UYQ852001 VIM852000:VIM852001 VSI852000:VSI852001 WCE852000:WCE852001 WMA852000:WMA852001 WVW852000:WVW852001 O917536:O917537 JK917536:JK917537 TG917536:TG917537 ADC917536:ADC917537 AMY917536:AMY917537 AWU917536:AWU917537 BGQ917536:BGQ917537 BQM917536:BQM917537 CAI917536:CAI917537 CKE917536:CKE917537 CUA917536:CUA917537 DDW917536:DDW917537 DNS917536:DNS917537 DXO917536:DXO917537 EHK917536:EHK917537 ERG917536:ERG917537 FBC917536:FBC917537 FKY917536:FKY917537 FUU917536:FUU917537 GEQ917536:GEQ917537 GOM917536:GOM917537 GYI917536:GYI917537 HIE917536:HIE917537 HSA917536:HSA917537 IBW917536:IBW917537 ILS917536:ILS917537 IVO917536:IVO917537 JFK917536:JFK917537 JPG917536:JPG917537 JZC917536:JZC917537 KIY917536:KIY917537 KSU917536:KSU917537 LCQ917536:LCQ917537 LMM917536:LMM917537 LWI917536:LWI917537 MGE917536:MGE917537 MQA917536:MQA917537 MZW917536:MZW917537 NJS917536:NJS917537 NTO917536:NTO917537 ODK917536:ODK917537 ONG917536:ONG917537 OXC917536:OXC917537 PGY917536:PGY917537 PQU917536:PQU917537 QAQ917536:QAQ917537 QKM917536:QKM917537 QUI917536:QUI917537 REE917536:REE917537 ROA917536:ROA917537 RXW917536:RXW917537 SHS917536:SHS917537 SRO917536:SRO917537 TBK917536:TBK917537 TLG917536:TLG917537 TVC917536:TVC917537 UEY917536:UEY917537 UOU917536:UOU917537 UYQ917536:UYQ917537 VIM917536:VIM917537 VSI917536:VSI917537 WCE917536:WCE917537 WMA917536:WMA917537 WVW917536:WVW917537 O983072:O983073 JK983072:JK983073 TG983072:TG983073 ADC983072:ADC983073 AMY983072:AMY983073 AWU983072:AWU983073 BGQ983072:BGQ983073 BQM983072:BQM983073 CAI983072:CAI983073 CKE983072:CKE983073 CUA983072:CUA983073 DDW983072:DDW983073 DNS983072:DNS983073 DXO983072:DXO983073 EHK983072:EHK983073 ERG983072:ERG983073 FBC983072:FBC983073 FKY983072:FKY983073 FUU983072:FUU983073 GEQ983072:GEQ983073 GOM983072:GOM983073 GYI983072:GYI983073 HIE983072:HIE983073 HSA983072:HSA983073 IBW983072:IBW983073 ILS983072:ILS983073 IVO983072:IVO983073 JFK983072:JFK983073 JPG983072:JPG983073 JZC983072:JZC983073 KIY983072:KIY983073 KSU983072:KSU983073 LCQ983072:LCQ983073 LMM983072:LMM983073 LWI983072:LWI983073 MGE983072:MGE983073 MQA983072:MQA983073 MZW983072:MZW983073 NJS983072:NJS983073 NTO983072:NTO983073 ODK983072:ODK983073 ONG983072:ONG983073 OXC983072:OXC983073 PGY983072:PGY983073 PQU983072:PQU983073 QAQ983072:QAQ983073 QKM983072:QKM983073 QUI983072:QUI983073 REE983072:REE983073 ROA983072:ROA983073 RXW983072:RXW983073 SHS983072:SHS983073 SRO983072:SRO983073 TBK983072:TBK983073 TLG983072:TLG983073 TVC983072:TVC983073 UEY983072:UEY983073 UOU983072:UOU983073 UYQ983072:UYQ983073 VIM983072:VIM983073 VSI983072:VSI983073 WCE983072:WCE983073 WMA983072:WMA983073 WVW983072:WVW983073 R32 JN32 TJ32 ADF32 ANB32 AWX32 BGT32 BQP32 CAL32 CKH32 CUD32 DDZ32 DNV32 DXR32 EHN32 ERJ32 FBF32 FLB32 FUX32 GET32 GOP32 GYL32 HIH32 HSD32 IBZ32 ILV32 IVR32 JFN32 JPJ32 JZF32 KJB32 KSX32 LCT32 LMP32 LWL32 MGH32 MQD32 MZZ32 NJV32 NTR32 ODN32 ONJ32 OXF32 PHB32 PQX32 QAT32 QKP32 QUL32 REH32 ROD32 RXZ32 SHV32 SRR32 TBN32 TLJ32 TVF32 UFB32 UOX32 UYT32 VIP32 VSL32 WCH32 WMD32 WVZ32 R65568 JN65568 TJ65568 ADF65568 ANB65568 AWX65568 BGT65568 BQP65568 CAL65568 CKH65568 CUD65568 DDZ65568 DNV65568 DXR65568 EHN65568 ERJ65568 FBF65568 FLB65568 FUX65568 GET65568 GOP65568 GYL65568 HIH65568 HSD65568 IBZ65568 ILV65568 IVR65568 JFN65568 JPJ65568 JZF65568 KJB65568 KSX65568 LCT65568 LMP65568 LWL65568 MGH65568 MQD65568 MZZ65568 NJV65568 NTR65568 ODN65568 ONJ65568 OXF65568 PHB65568 PQX65568 QAT65568 QKP65568 QUL65568 REH65568 ROD65568 RXZ65568 SHV65568 SRR65568 TBN65568 TLJ65568 TVF65568 UFB65568 UOX65568 UYT65568 VIP65568 VSL65568 WCH65568 WMD65568 WVZ65568 R131104 JN131104 TJ131104 ADF131104 ANB131104 AWX131104 BGT131104 BQP131104 CAL131104 CKH131104 CUD131104 DDZ131104 DNV131104 DXR131104 EHN131104 ERJ131104 FBF131104 FLB131104 FUX131104 GET131104 GOP131104 GYL131104 HIH131104 HSD131104 IBZ131104 ILV131104 IVR131104 JFN131104 JPJ131104 JZF131104 KJB131104 KSX131104 LCT131104 LMP131104 LWL131104 MGH131104 MQD131104 MZZ131104 NJV131104 NTR131104 ODN131104 ONJ131104 OXF131104 PHB131104 PQX131104 QAT131104 QKP131104 QUL131104 REH131104 ROD131104 RXZ131104 SHV131104 SRR131104 TBN131104 TLJ131104 TVF131104 UFB131104 UOX131104 UYT131104 VIP131104 VSL131104 WCH131104 WMD131104 WVZ131104 R196640 JN196640 TJ196640 ADF196640 ANB196640 AWX196640 BGT196640 BQP196640 CAL196640 CKH196640 CUD196640 DDZ196640 DNV196640 DXR196640 EHN196640 ERJ196640 FBF196640 FLB196640 FUX196640 GET196640 GOP196640 GYL196640 HIH196640 HSD196640 IBZ196640 ILV196640 IVR196640 JFN196640 JPJ196640 JZF196640 KJB196640 KSX196640 LCT196640 LMP196640 LWL196640 MGH196640 MQD196640 MZZ196640 NJV196640 NTR196640 ODN196640 ONJ196640 OXF196640 PHB196640 PQX196640 QAT196640 QKP196640 QUL196640 REH196640 ROD196640 RXZ196640 SHV196640 SRR196640 TBN196640 TLJ196640 TVF196640 UFB196640 UOX196640 UYT196640 VIP196640 VSL196640 WCH196640 WMD196640 WVZ196640 R262176 JN262176 TJ262176 ADF262176 ANB262176 AWX262176 BGT262176 BQP262176 CAL262176 CKH262176 CUD262176 DDZ262176 DNV262176 DXR262176 EHN262176 ERJ262176 FBF262176 FLB262176 FUX262176 GET262176 GOP262176 GYL262176 HIH262176 HSD262176 IBZ262176 ILV262176 IVR262176 JFN262176 JPJ262176 JZF262176 KJB262176 KSX262176 LCT262176 LMP262176 LWL262176 MGH262176 MQD262176 MZZ262176 NJV262176 NTR262176 ODN262176 ONJ262176 OXF262176 PHB262176 PQX262176 QAT262176 QKP262176 QUL262176 REH262176 ROD262176 RXZ262176 SHV262176 SRR262176 TBN262176 TLJ262176 TVF262176 UFB262176 UOX262176 UYT262176 VIP262176 VSL262176 WCH262176 WMD262176 WVZ262176 R327712 JN327712 TJ327712 ADF327712 ANB327712 AWX327712 BGT327712 BQP327712 CAL327712 CKH327712 CUD327712 DDZ327712 DNV327712 DXR327712 EHN327712 ERJ327712 FBF327712 FLB327712 FUX327712 GET327712 GOP327712 GYL327712 HIH327712 HSD327712 IBZ327712 ILV327712 IVR327712 JFN327712 JPJ327712 JZF327712 KJB327712 KSX327712 LCT327712 LMP327712 LWL327712 MGH327712 MQD327712 MZZ327712 NJV327712 NTR327712 ODN327712 ONJ327712 OXF327712 PHB327712 PQX327712 QAT327712 QKP327712 QUL327712 REH327712 ROD327712 RXZ327712 SHV327712 SRR327712 TBN327712 TLJ327712 TVF327712 UFB327712 UOX327712 UYT327712 VIP327712 VSL327712 WCH327712 WMD327712 WVZ327712 R393248 JN393248 TJ393248 ADF393248 ANB393248 AWX393248 BGT393248 BQP393248 CAL393248 CKH393248 CUD393248 DDZ393248 DNV393248 DXR393248 EHN393248 ERJ393248 FBF393248 FLB393248 FUX393248 GET393248 GOP393248 GYL393248 HIH393248 HSD393248 IBZ393248 ILV393248 IVR393248 JFN393248 JPJ393248 JZF393248 KJB393248 KSX393248 LCT393248 LMP393248 LWL393248 MGH393248 MQD393248 MZZ393248 NJV393248 NTR393248 ODN393248 ONJ393248 OXF393248 PHB393248 PQX393248 QAT393248 QKP393248 QUL393248 REH393248 ROD393248 RXZ393248 SHV393248 SRR393248 TBN393248 TLJ393248 TVF393248 UFB393248 UOX393248 UYT393248 VIP393248 VSL393248 WCH393248 WMD393248 WVZ393248 R458784 JN458784 TJ458784 ADF458784 ANB458784 AWX458784 BGT458784 BQP458784 CAL458784 CKH458784 CUD458784 DDZ458784 DNV458784 DXR458784 EHN458784 ERJ458784 FBF458784 FLB458784 FUX458784 GET458784 GOP458784 GYL458784 HIH458784 HSD458784 IBZ458784 ILV458784 IVR458784 JFN458784 JPJ458784 JZF458784 KJB458784 KSX458784 LCT458784 LMP458784 LWL458784 MGH458784 MQD458784 MZZ458784 NJV458784 NTR458784 ODN458784 ONJ458784 OXF458784 PHB458784 PQX458784 QAT458784 QKP458784 QUL458784 REH458784 ROD458784 RXZ458784 SHV458784 SRR458784 TBN458784 TLJ458784 TVF458784 UFB458784 UOX458784 UYT458784 VIP458784 VSL458784 WCH458784 WMD458784 WVZ458784 R524320 JN524320 TJ524320 ADF524320 ANB524320 AWX524320 BGT524320 BQP524320 CAL524320 CKH524320 CUD524320 DDZ524320 DNV524320 DXR524320 EHN524320 ERJ524320 FBF524320 FLB524320 FUX524320 GET524320 GOP524320 GYL524320 HIH524320 HSD524320 IBZ524320 ILV524320 IVR524320 JFN524320 JPJ524320 JZF524320 KJB524320 KSX524320 LCT524320 LMP524320 LWL524320 MGH524320 MQD524320 MZZ524320 NJV524320 NTR524320 ODN524320 ONJ524320 OXF524320 PHB524320 PQX524320 QAT524320 QKP524320 QUL524320 REH524320 ROD524320 RXZ524320 SHV524320 SRR524320 TBN524320 TLJ524320 TVF524320 UFB524320 UOX524320 UYT524320 VIP524320 VSL524320 WCH524320 WMD524320 WVZ524320 R589856 JN589856 TJ589856 ADF589856 ANB589856 AWX589856 BGT589856 BQP589856 CAL589856 CKH589856 CUD589856 DDZ589856 DNV589856 DXR589856 EHN589856 ERJ589856 FBF589856 FLB589856 FUX589856 GET589856 GOP589856 GYL589856 HIH589856 HSD589856 IBZ589856 ILV589856 IVR589856 JFN589856 JPJ589856 JZF589856 KJB589856 KSX589856 LCT589856 LMP589856 LWL589856 MGH589856 MQD589856 MZZ589856 NJV589856 NTR589856 ODN589856 ONJ589856 OXF589856 PHB589856 PQX589856 QAT589856 QKP589856 QUL589856 REH589856 ROD589856 RXZ589856 SHV589856 SRR589856 TBN589856 TLJ589856 TVF589856 UFB589856 UOX589856 UYT589856 VIP589856 VSL589856 WCH589856 WMD589856 WVZ589856 R655392 JN655392 TJ655392 ADF655392 ANB655392 AWX655392 BGT655392 BQP655392 CAL655392 CKH655392 CUD655392 DDZ655392 DNV655392 DXR655392 EHN655392 ERJ655392 FBF655392 FLB655392 FUX655392 GET655392 GOP655392 GYL655392 HIH655392 HSD655392 IBZ655392 ILV655392 IVR655392 JFN655392 JPJ655392 JZF655392 KJB655392 KSX655392 LCT655392 LMP655392 LWL655392 MGH655392 MQD655392 MZZ655392 NJV655392 NTR655392 ODN655392 ONJ655392 OXF655392 PHB655392 PQX655392 QAT655392 QKP655392 QUL655392 REH655392 ROD655392 RXZ655392 SHV655392 SRR655392 TBN655392 TLJ655392 TVF655392 UFB655392 UOX655392 UYT655392 VIP655392 VSL655392 WCH655392 WMD655392 WVZ655392 R720928 JN720928 TJ720928 ADF720928 ANB720928 AWX720928 BGT720928 BQP720928 CAL720928 CKH720928 CUD720928 DDZ720928 DNV720928 DXR720928 EHN720928 ERJ720928 FBF720928 FLB720928 FUX720928 GET720928 GOP720928 GYL720928 HIH720928 HSD720928 IBZ720928 ILV720928 IVR720928 JFN720928 JPJ720928 JZF720928 KJB720928 KSX720928 LCT720928 LMP720928 LWL720928 MGH720928 MQD720928 MZZ720928 NJV720928 NTR720928 ODN720928 ONJ720928 OXF720928 PHB720928 PQX720928 QAT720928 QKP720928 QUL720928 REH720928 ROD720928 RXZ720928 SHV720928 SRR720928 TBN720928 TLJ720928 TVF720928 UFB720928 UOX720928 UYT720928 VIP720928 VSL720928 WCH720928 WMD720928 WVZ720928 R786464 JN786464 TJ786464 ADF786464 ANB786464 AWX786464 BGT786464 BQP786464 CAL786464 CKH786464 CUD786464 DDZ786464 DNV786464 DXR786464 EHN786464 ERJ786464 FBF786464 FLB786464 FUX786464 GET786464 GOP786464 GYL786464 HIH786464 HSD786464 IBZ786464 ILV786464 IVR786464 JFN786464 JPJ786464 JZF786464 KJB786464 KSX786464 LCT786464 LMP786464 LWL786464 MGH786464 MQD786464 MZZ786464 NJV786464 NTR786464 ODN786464 ONJ786464 OXF786464 PHB786464 PQX786464 QAT786464 QKP786464 QUL786464 REH786464 ROD786464 RXZ786464 SHV786464 SRR786464 TBN786464 TLJ786464 TVF786464 UFB786464 UOX786464 UYT786464 VIP786464 VSL786464 WCH786464 WMD786464 WVZ786464 R852000 JN852000 TJ852000 ADF852000 ANB852000 AWX852000 BGT852000 BQP852000 CAL852000 CKH852000 CUD852000 DDZ852000 DNV852000 DXR852000 EHN852000 ERJ852000 FBF852000 FLB852000 FUX852000 GET852000 GOP852000 GYL852000 HIH852000 HSD852000 IBZ852000 ILV852000 IVR852000 JFN852000 JPJ852000 JZF852000 KJB852000 KSX852000 LCT852000 LMP852000 LWL852000 MGH852000 MQD852000 MZZ852000 NJV852000 NTR852000 ODN852000 ONJ852000 OXF852000 PHB852000 PQX852000 QAT852000 QKP852000 QUL852000 REH852000 ROD852000 RXZ852000 SHV852000 SRR852000 TBN852000 TLJ852000 TVF852000 UFB852000 UOX852000 UYT852000 VIP852000 VSL852000 WCH852000 WMD852000 WVZ852000 R917536 JN917536 TJ917536 ADF917536 ANB917536 AWX917536 BGT917536 BQP917536 CAL917536 CKH917536 CUD917536 DDZ917536 DNV917536 DXR917536 EHN917536 ERJ917536 FBF917536 FLB917536 FUX917536 GET917536 GOP917536 GYL917536 HIH917536 HSD917536 IBZ917536 ILV917536 IVR917536 JFN917536 JPJ917536 JZF917536 KJB917536 KSX917536 LCT917536 LMP917536 LWL917536 MGH917536 MQD917536 MZZ917536 NJV917536 NTR917536 ODN917536 ONJ917536 OXF917536 PHB917536 PQX917536 QAT917536 QKP917536 QUL917536 REH917536 ROD917536 RXZ917536 SHV917536 SRR917536 TBN917536 TLJ917536 TVF917536 UFB917536 UOX917536 UYT917536 VIP917536 VSL917536 WCH917536 WMD917536 WVZ917536 R983072 JN983072 TJ983072 ADF983072 ANB983072 AWX983072 BGT983072 BQP983072 CAL983072 CKH983072 CUD983072 DDZ983072 DNV983072 DXR983072 EHN983072 ERJ983072 FBF983072 FLB983072 FUX983072 GET983072 GOP983072 GYL983072 HIH983072 HSD983072 IBZ983072 ILV983072 IVR983072 JFN983072 JPJ983072 JZF983072 KJB983072 KSX983072 LCT983072 LMP983072 LWL983072 MGH983072 MQD983072 MZZ983072 NJV983072 NTR983072 ODN983072 ONJ983072 OXF983072 PHB983072 PQX983072 QAT983072 QKP983072 QUL983072 REH983072 ROD983072 RXZ983072 SHV983072 SRR983072 TBN983072 TLJ983072 TVF983072 UFB983072 UOX983072 UYT983072 VIP983072 VSL983072 WCH983072 WMD983072 WVZ983072 L35:M38 JH35:JI38 TD35:TE38 ACZ35:ADA38 AMV35:AMW38 AWR35:AWS38 BGN35:BGO38 BQJ35:BQK38 CAF35:CAG38 CKB35:CKC38 CTX35:CTY38 DDT35:DDU38 DNP35:DNQ38 DXL35:DXM38 EHH35:EHI38 ERD35:ERE38 FAZ35:FBA38 FKV35:FKW38 FUR35:FUS38 GEN35:GEO38 GOJ35:GOK38 GYF35:GYG38 HIB35:HIC38 HRX35:HRY38 IBT35:IBU38 ILP35:ILQ38 IVL35:IVM38 JFH35:JFI38 JPD35:JPE38 JYZ35:JZA38 KIV35:KIW38 KSR35:KSS38 LCN35:LCO38 LMJ35:LMK38 LWF35:LWG38 MGB35:MGC38 MPX35:MPY38 MZT35:MZU38 NJP35:NJQ38 NTL35:NTM38 ODH35:ODI38 OND35:ONE38 OWZ35:OXA38 PGV35:PGW38 PQR35:PQS38 QAN35:QAO38 QKJ35:QKK38 QUF35:QUG38 REB35:REC38 RNX35:RNY38 RXT35:RXU38 SHP35:SHQ38 SRL35:SRM38 TBH35:TBI38 TLD35:TLE38 TUZ35:TVA38 UEV35:UEW38 UOR35:UOS38 UYN35:UYO38 VIJ35:VIK38 VSF35:VSG38 WCB35:WCC38 WLX35:WLY38 WVT35:WVU38 L65571:M65574 JH65571:JI65574 TD65571:TE65574 ACZ65571:ADA65574 AMV65571:AMW65574 AWR65571:AWS65574 BGN65571:BGO65574 BQJ65571:BQK65574 CAF65571:CAG65574 CKB65571:CKC65574 CTX65571:CTY65574 DDT65571:DDU65574 DNP65571:DNQ65574 DXL65571:DXM65574 EHH65571:EHI65574 ERD65571:ERE65574 FAZ65571:FBA65574 FKV65571:FKW65574 FUR65571:FUS65574 GEN65571:GEO65574 GOJ65571:GOK65574 GYF65571:GYG65574 HIB65571:HIC65574 HRX65571:HRY65574 IBT65571:IBU65574 ILP65571:ILQ65574 IVL65571:IVM65574 JFH65571:JFI65574 JPD65571:JPE65574 JYZ65571:JZA65574 KIV65571:KIW65574 KSR65571:KSS65574 LCN65571:LCO65574 LMJ65571:LMK65574 LWF65571:LWG65574 MGB65571:MGC65574 MPX65571:MPY65574 MZT65571:MZU65574 NJP65571:NJQ65574 NTL65571:NTM65574 ODH65571:ODI65574 OND65571:ONE65574 OWZ65571:OXA65574 PGV65571:PGW65574 PQR65571:PQS65574 QAN65571:QAO65574 QKJ65571:QKK65574 QUF65571:QUG65574 REB65571:REC65574 RNX65571:RNY65574 RXT65571:RXU65574 SHP65571:SHQ65574 SRL65571:SRM65574 TBH65571:TBI65574 TLD65571:TLE65574 TUZ65571:TVA65574 UEV65571:UEW65574 UOR65571:UOS65574 UYN65571:UYO65574 VIJ65571:VIK65574 VSF65571:VSG65574 WCB65571:WCC65574 WLX65571:WLY65574 WVT65571:WVU65574 L131107:M131110 JH131107:JI131110 TD131107:TE131110 ACZ131107:ADA131110 AMV131107:AMW131110 AWR131107:AWS131110 BGN131107:BGO131110 BQJ131107:BQK131110 CAF131107:CAG131110 CKB131107:CKC131110 CTX131107:CTY131110 DDT131107:DDU131110 DNP131107:DNQ131110 DXL131107:DXM131110 EHH131107:EHI131110 ERD131107:ERE131110 FAZ131107:FBA131110 FKV131107:FKW131110 FUR131107:FUS131110 GEN131107:GEO131110 GOJ131107:GOK131110 GYF131107:GYG131110 HIB131107:HIC131110 HRX131107:HRY131110 IBT131107:IBU131110 ILP131107:ILQ131110 IVL131107:IVM131110 JFH131107:JFI131110 JPD131107:JPE131110 JYZ131107:JZA131110 KIV131107:KIW131110 KSR131107:KSS131110 LCN131107:LCO131110 LMJ131107:LMK131110 LWF131107:LWG131110 MGB131107:MGC131110 MPX131107:MPY131110 MZT131107:MZU131110 NJP131107:NJQ131110 NTL131107:NTM131110 ODH131107:ODI131110 OND131107:ONE131110 OWZ131107:OXA131110 PGV131107:PGW131110 PQR131107:PQS131110 QAN131107:QAO131110 QKJ131107:QKK131110 QUF131107:QUG131110 REB131107:REC131110 RNX131107:RNY131110 RXT131107:RXU131110 SHP131107:SHQ131110 SRL131107:SRM131110 TBH131107:TBI131110 TLD131107:TLE131110 TUZ131107:TVA131110 UEV131107:UEW131110 UOR131107:UOS131110 UYN131107:UYO131110 VIJ131107:VIK131110 VSF131107:VSG131110 WCB131107:WCC131110 WLX131107:WLY131110 WVT131107:WVU131110 L196643:M196646 JH196643:JI196646 TD196643:TE196646 ACZ196643:ADA196646 AMV196643:AMW196646 AWR196643:AWS196646 BGN196643:BGO196646 BQJ196643:BQK196646 CAF196643:CAG196646 CKB196643:CKC196646 CTX196643:CTY196646 DDT196643:DDU196646 DNP196643:DNQ196646 DXL196643:DXM196646 EHH196643:EHI196646 ERD196643:ERE196646 FAZ196643:FBA196646 FKV196643:FKW196646 FUR196643:FUS196646 GEN196643:GEO196646 GOJ196643:GOK196646 GYF196643:GYG196646 HIB196643:HIC196646 HRX196643:HRY196646 IBT196643:IBU196646 ILP196643:ILQ196646 IVL196643:IVM196646 JFH196643:JFI196646 JPD196643:JPE196646 JYZ196643:JZA196646 KIV196643:KIW196646 KSR196643:KSS196646 LCN196643:LCO196646 LMJ196643:LMK196646 LWF196643:LWG196646 MGB196643:MGC196646 MPX196643:MPY196646 MZT196643:MZU196646 NJP196643:NJQ196646 NTL196643:NTM196646 ODH196643:ODI196646 OND196643:ONE196646 OWZ196643:OXA196646 PGV196643:PGW196646 PQR196643:PQS196646 QAN196643:QAO196646 QKJ196643:QKK196646 QUF196643:QUG196646 REB196643:REC196646 RNX196643:RNY196646 RXT196643:RXU196646 SHP196643:SHQ196646 SRL196643:SRM196646 TBH196643:TBI196646 TLD196643:TLE196646 TUZ196643:TVA196646 UEV196643:UEW196646 UOR196643:UOS196646 UYN196643:UYO196646 VIJ196643:VIK196646 VSF196643:VSG196646 WCB196643:WCC196646 WLX196643:WLY196646 WVT196643:WVU196646 L262179:M262182 JH262179:JI262182 TD262179:TE262182 ACZ262179:ADA262182 AMV262179:AMW262182 AWR262179:AWS262182 BGN262179:BGO262182 BQJ262179:BQK262182 CAF262179:CAG262182 CKB262179:CKC262182 CTX262179:CTY262182 DDT262179:DDU262182 DNP262179:DNQ262182 DXL262179:DXM262182 EHH262179:EHI262182 ERD262179:ERE262182 FAZ262179:FBA262182 FKV262179:FKW262182 FUR262179:FUS262182 GEN262179:GEO262182 GOJ262179:GOK262182 GYF262179:GYG262182 HIB262179:HIC262182 HRX262179:HRY262182 IBT262179:IBU262182 ILP262179:ILQ262182 IVL262179:IVM262182 JFH262179:JFI262182 JPD262179:JPE262182 JYZ262179:JZA262182 KIV262179:KIW262182 KSR262179:KSS262182 LCN262179:LCO262182 LMJ262179:LMK262182 LWF262179:LWG262182 MGB262179:MGC262182 MPX262179:MPY262182 MZT262179:MZU262182 NJP262179:NJQ262182 NTL262179:NTM262182 ODH262179:ODI262182 OND262179:ONE262182 OWZ262179:OXA262182 PGV262179:PGW262182 PQR262179:PQS262182 QAN262179:QAO262182 QKJ262179:QKK262182 QUF262179:QUG262182 REB262179:REC262182 RNX262179:RNY262182 RXT262179:RXU262182 SHP262179:SHQ262182 SRL262179:SRM262182 TBH262179:TBI262182 TLD262179:TLE262182 TUZ262179:TVA262182 UEV262179:UEW262182 UOR262179:UOS262182 UYN262179:UYO262182 VIJ262179:VIK262182 VSF262179:VSG262182 WCB262179:WCC262182 WLX262179:WLY262182 WVT262179:WVU262182 L327715:M327718 JH327715:JI327718 TD327715:TE327718 ACZ327715:ADA327718 AMV327715:AMW327718 AWR327715:AWS327718 BGN327715:BGO327718 BQJ327715:BQK327718 CAF327715:CAG327718 CKB327715:CKC327718 CTX327715:CTY327718 DDT327715:DDU327718 DNP327715:DNQ327718 DXL327715:DXM327718 EHH327715:EHI327718 ERD327715:ERE327718 FAZ327715:FBA327718 FKV327715:FKW327718 FUR327715:FUS327718 GEN327715:GEO327718 GOJ327715:GOK327718 GYF327715:GYG327718 HIB327715:HIC327718 HRX327715:HRY327718 IBT327715:IBU327718 ILP327715:ILQ327718 IVL327715:IVM327718 JFH327715:JFI327718 JPD327715:JPE327718 JYZ327715:JZA327718 KIV327715:KIW327718 KSR327715:KSS327718 LCN327715:LCO327718 LMJ327715:LMK327718 LWF327715:LWG327718 MGB327715:MGC327718 MPX327715:MPY327718 MZT327715:MZU327718 NJP327715:NJQ327718 NTL327715:NTM327718 ODH327715:ODI327718 OND327715:ONE327718 OWZ327715:OXA327718 PGV327715:PGW327718 PQR327715:PQS327718 QAN327715:QAO327718 QKJ327715:QKK327718 QUF327715:QUG327718 REB327715:REC327718 RNX327715:RNY327718 RXT327715:RXU327718 SHP327715:SHQ327718 SRL327715:SRM327718 TBH327715:TBI327718 TLD327715:TLE327718 TUZ327715:TVA327718 UEV327715:UEW327718 UOR327715:UOS327718 UYN327715:UYO327718 VIJ327715:VIK327718 VSF327715:VSG327718 WCB327715:WCC327718 WLX327715:WLY327718 WVT327715:WVU327718 L393251:M393254 JH393251:JI393254 TD393251:TE393254 ACZ393251:ADA393254 AMV393251:AMW393254 AWR393251:AWS393254 BGN393251:BGO393254 BQJ393251:BQK393254 CAF393251:CAG393254 CKB393251:CKC393254 CTX393251:CTY393254 DDT393251:DDU393254 DNP393251:DNQ393254 DXL393251:DXM393254 EHH393251:EHI393254 ERD393251:ERE393254 FAZ393251:FBA393254 FKV393251:FKW393254 FUR393251:FUS393254 GEN393251:GEO393254 GOJ393251:GOK393254 GYF393251:GYG393254 HIB393251:HIC393254 HRX393251:HRY393254 IBT393251:IBU393254 ILP393251:ILQ393254 IVL393251:IVM393254 JFH393251:JFI393254 JPD393251:JPE393254 JYZ393251:JZA393254 KIV393251:KIW393254 KSR393251:KSS393254 LCN393251:LCO393254 LMJ393251:LMK393254 LWF393251:LWG393254 MGB393251:MGC393254 MPX393251:MPY393254 MZT393251:MZU393254 NJP393251:NJQ393254 NTL393251:NTM393254 ODH393251:ODI393254 OND393251:ONE393254 OWZ393251:OXA393254 PGV393251:PGW393254 PQR393251:PQS393254 QAN393251:QAO393254 QKJ393251:QKK393254 QUF393251:QUG393254 REB393251:REC393254 RNX393251:RNY393254 RXT393251:RXU393254 SHP393251:SHQ393254 SRL393251:SRM393254 TBH393251:TBI393254 TLD393251:TLE393254 TUZ393251:TVA393254 UEV393251:UEW393254 UOR393251:UOS393254 UYN393251:UYO393254 VIJ393251:VIK393254 VSF393251:VSG393254 WCB393251:WCC393254 WLX393251:WLY393254 WVT393251:WVU393254 L458787:M458790 JH458787:JI458790 TD458787:TE458790 ACZ458787:ADA458790 AMV458787:AMW458790 AWR458787:AWS458790 BGN458787:BGO458790 BQJ458787:BQK458790 CAF458787:CAG458790 CKB458787:CKC458790 CTX458787:CTY458790 DDT458787:DDU458790 DNP458787:DNQ458790 DXL458787:DXM458790 EHH458787:EHI458790 ERD458787:ERE458790 FAZ458787:FBA458790 FKV458787:FKW458790 FUR458787:FUS458790 GEN458787:GEO458790 GOJ458787:GOK458790 GYF458787:GYG458790 HIB458787:HIC458790 HRX458787:HRY458790 IBT458787:IBU458790 ILP458787:ILQ458790 IVL458787:IVM458790 JFH458787:JFI458790 JPD458787:JPE458790 JYZ458787:JZA458790 KIV458787:KIW458790 KSR458787:KSS458790 LCN458787:LCO458790 LMJ458787:LMK458790 LWF458787:LWG458790 MGB458787:MGC458790 MPX458787:MPY458790 MZT458787:MZU458790 NJP458787:NJQ458790 NTL458787:NTM458790 ODH458787:ODI458790 OND458787:ONE458790 OWZ458787:OXA458790 PGV458787:PGW458790 PQR458787:PQS458790 QAN458787:QAO458790 QKJ458787:QKK458790 QUF458787:QUG458790 REB458787:REC458790 RNX458787:RNY458790 RXT458787:RXU458790 SHP458787:SHQ458790 SRL458787:SRM458790 TBH458787:TBI458790 TLD458787:TLE458790 TUZ458787:TVA458790 UEV458787:UEW458790 UOR458787:UOS458790 UYN458787:UYO458790 VIJ458787:VIK458790 VSF458787:VSG458790 WCB458787:WCC458790 WLX458787:WLY458790 WVT458787:WVU458790 L524323:M524326 JH524323:JI524326 TD524323:TE524326 ACZ524323:ADA524326 AMV524323:AMW524326 AWR524323:AWS524326 BGN524323:BGO524326 BQJ524323:BQK524326 CAF524323:CAG524326 CKB524323:CKC524326 CTX524323:CTY524326 DDT524323:DDU524326 DNP524323:DNQ524326 DXL524323:DXM524326 EHH524323:EHI524326 ERD524323:ERE524326 FAZ524323:FBA524326 FKV524323:FKW524326 FUR524323:FUS524326 GEN524323:GEO524326 GOJ524323:GOK524326 GYF524323:GYG524326 HIB524323:HIC524326 HRX524323:HRY524326 IBT524323:IBU524326 ILP524323:ILQ524326 IVL524323:IVM524326 JFH524323:JFI524326 JPD524323:JPE524326 JYZ524323:JZA524326 KIV524323:KIW524326 KSR524323:KSS524326 LCN524323:LCO524326 LMJ524323:LMK524326 LWF524323:LWG524326 MGB524323:MGC524326 MPX524323:MPY524326 MZT524323:MZU524326 NJP524323:NJQ524326 NTL524323:NTM524326 ODH524323:ODI524326 OND524323:ONE524326 OWZ524323:OXA524326 PGV524323:PGW524326 PQR524323:PQS524326 QAN524323:QAO524326 QKJ524323:QKK524326 QUF524323:QUG524326 REB524323:REC524326 RNX524323:RNY524326 RXT524323:RXU524326 SHP524323:SHQ524326 SRL524323:SRM524326 TBH524323:TBI524326 TLD524323:TLE524326 TUZ524323:TVA524326 UEV524323:UEW524326 UOR524323:UOS524326 UYN524323:UYO524326 VIJ524323:VIK524326 VSF524323:VSG524326 WCB524323:WCC524326 WLX524323:WLY524326 WVT524323:WVU524326 L589859:M589862 JH589859:JI589862 TD589859:TE589862 ACZ589859:ADA589862 AMV589859:AMW589862 AWR589859:AWS589862 BGN589859:BGO589862 BQJ589859:BQK589862 CAF589859:CAG589862 CKB589859:CKC589862 CTX589859:CTY589862 DDT589859:DDU589862 DNP589859:DNQ589862 DXL589859:DXM589862 EHH589859:EHI589862 ERD589859:ERE589862 FAZ589859:FBA589862 FKV589859:FKW589862 FUR589859:FUS589862 GEN589859:GEO589862 GOJ589859:GOK589862 GYF589859:GYG589862 HIB589859:HIC589862 HRX589859:HRY589862 IBT589859:IBU589862 ILP589859:ILQ589862 IVL589859:IVM589862 JFH589859:JFI589862 JPD589859:JPE589862 JYZ589859:JZA589862 KIV589859:KIW589862 KSR589859:KSS589862 LCN589859:LCO589862 LMJ589859:LMK589862 LWF589859:LWG589862 MGB589859:MGC589862 MPX589859:MPY589862 MZT589859:MZU589862 NJP589859:NJQ589862 NTL589859:NTM589862 ODH589859:ODI589862 OND589859:ONE589862 OWZ589859:OXA589862 PGV589859:PGW589862 PQR589859:PQS589862 QAN589859:QAO589862 QKJ589859:QKK589862 QUF589859:QUG589862 REB589859:REC589862 RNX589859:RNY589862 RXT589859:RXU589862 SHP589859:SHQ589862 SRL589859:SRM589862 TBH589859:TBI589862 TLD589859:TLE589862 TUZ589859:TVA589862 UEV589859:UEW589862 UOR589859:UOS589862 UYN589859:UYO589862 VIJ589859:VIK589862 VSF589859:VSG589862 WCB589859:WCC589862 WLX589859:WLY589862 WVT589859:WVU589862 L655395:M655398 JH655395:JI655398 TD655395:TE655398 ACZ655395:ADA655398 AMV655395:AMW655398 AWR655395:AWS655398 BGN655395:BGO655398 BQJ655395:BQK655398 CAF655395:CAG655398 CKB655395:CKC655398 CTX655395:CTY655398 DDT655395:DDU655398 DNP655395:DNQ655398 DXL655395:DXM655398 EHH655395:EHI655398 ERD655395:ERE655398 FAZ655395:FBA655398 FKV655395:FKW655398 FUR655395:FUS655398 GEN655395:GEO655398 GOJ655395:GOK655398 GYF655395:GYG655398 HIB655395:HIC655398 HRX655395:HRY655398 IBT655395:IBU655398 ILP655395:ILQ655398 IVL655395:IVM655398 JFH655395:JFI655398 JPD655395:JPE655398 JYZ655395:JZA655398 KIV655395:KIW655398 KSR655395:KSS655398 LCN655395:LCO655398 LMJ655395:LMK655398 LWF655395:LWG655398 MGB655395:MGC655398 MPX655395:MPY655398 MZT655395:MZU655398 NJP655395:NJQ655398 NTL655395:NTM655398 ODH655395:ODI655398 OND655395:ONE655398 OWZ655395:OXA655398 PGV655395:PGW655398 PQR655395:PQS655398 QAN655395:QAO655398 QKJ655395:QKK655398 QUF655395:QUG655398 REB655395:REC655398 RNX655395:RNY655398 RXT655395:RXU655398 SHP655395:SHQ655398 SRL655395:SRM655398 TBH655395:TBI655398 TLD655395:TLE655398 TUZ655395:TVA655398 UEV655395:UEW655398 UOR655395:UOS655398 UYN655395:UYO655398 VIJ655395:VIK655398 VSF655395:VSG655398 WCB655395:WCC655398 WLX655395:WLY655398 WVT655395:WVU655398 L720931:M720934 JH720931:JI720934 TD720931:TE720934 ACZ720931:ADA720934 AMV720931:AMW720934 AWR720931:AWS720934 BGN720931:BGO720934 BQJ720931:BQK720934 CAF720931:CAG720934 CKB720931:CKC720934 CTX720931:CTY720934 DDT720931:DDU720934 DNP720931:DNQ720934 DXL720931:DXM720934 EHH720931:EHI720934 ERD720931:ERE720934 FAZ720931:FBA720934 FKV720931:FKW720934 FUR720931:FUS720934 GEN720931:GEO720934 GOJ720931:GOK720934 GYF720931:GYG720934 HIB720931:HIC720934 HRX720931:HRY720934 IBT720931:IBU720934 ILP720931:ILQ720934 IVL720931:IVM720934 JFH720931:JFI720934 JPD720931:JPE720934 JYZ720931:JZA720934 KIV720931:KIW720934 KSR720931:KSS720934 LCN720931:LCO720934 LMJ720931:LMK720934 LWF720931:LWG720934 MGB720931:MGC720934 MPX720931:MPY720934 MZT720931:MZU720934 NJP720931:NJQ720934 NTL720931:NTM720934 ODH720931:ODI720934 OND720931:ONE720934 OWZ720931:OXA720934 PGV720931:PGW720934 PQR720931:PQS720934 QAN720931:QAO720934 QKJ720931:QKK720934 QUF720931:QUG720934 REB720931:REC720934 RNX720931:RNY720934 RXT720931:RXU720934 SHP720931:SHQ720934 SRL720931:SRM720934 TBH720931:TBI720934 TLD720931:TLE720934 TUZ720931:TVA720934 UEV720931:UEW720934 UOR720931:UOS720934 UYN720931:UYO720934 VIJ720931:VIK720934 VSF720931:VSG720934 WCB720931:WCC720934 WLX720931:WLY720934 WVT720931:WVU720934 L786467:M786470 JH786467:JI786470 TD786467:TE786470 ACZ786467:ADA786470 AMV786467:AMW786470 AWR786467:AWS786470 BGN786467:BGO786470 BQJ786467:BQK786470 CAF786467:CAG786470 CKB786467:CKC786470 CTX786467:CTY786470 DDT786467:DDU786470 DNP786467:DNQ786470 DXL786467:DXM786470 EHH786467:EHI786470 ERD786467:ERE786470 FAZ786467:FBA786470 FKV786467:FKW786470 FUR786467:FUS786470 GEN786467:GEO786470 GOJ786467:GOK786470 GYF786467:GYG786470 HIB786467:HIC786470 HRX786467:HRY786470 IBT786467:IBU786470 ILP786467:ILQ786470 IVL786467:IVM786470 JFH786467:JFI786470 JPD786467:JPE786470 JYZ786467:JZA786470 KIV786467:KIW786470 KSR786467:KSS786470 LCN786467:LCO786470 LMJ786467:LMK786470 LWF786467:LWG786470 MGB786467:MGC786470 MPX786467:MPY786470 MZT786467:MZU786470 NJP786467:NJQ786470 NTL786467:NTM786470 ODH786467:ODI786470 OND786467:ONE786470 OWZ786467:OXA786470 PGV786467:PGW786470 PQR786467:PQS786470 QAN786467:QAO786470 QKJ786467:QKK786470 QUF786467:QUG786470 REB786467:REC786470 RNX786467:RNY786470 RXT786467:RXU786470 SHP786467:SHQ786470 SRL786467:SRM786470 TBH786467:TBI786470 TLD786467:TLE786470 TUZ786467:TVA786470 UEV786467:UEW786470 UOR786467:UOS786470 UYN786467:UYO786470 VIJ786467:VIK786470 VSF786467:VSG786470 WCB786467:WCC786470 WLX786467:WLY786470 WVT786467:WVU786470 L852003:M852006 JH852003:JI852006 TD852003:TE852006 ACZ852003:ADA852006 AMV852003:AMW852006 AWR852003:AWS852006 BGN852003:BGO852006 BQJ852003:BQK852006 CAF852003:CAG852006 CKB852003:CKC852006 CTX852003:CTY852006 DDT852003:DDU852006 DNP852003:DNQ852006 DXL852003:DXM852006 EHH852003:EHI852006 ERD852003:ERE852006 FAZ852003:FBA852006 FKV852003:FKW852006 FUR852003:FUS852006 GEN852003:GEO852006 GOJ852003:GOK852006 GYF852003:GYG852006 HIB852003:HIC852006 HRX852003:HRY852006 IBT852003:IBU852006 ILP852003:ILQ852006 IVL852003:IVM852006 JFH852003:JFI852006 JPD852003:JPE852006 JYZ852003:JZA852006 KIV852003:KIW852006 KSR852003:KSS852006 LCN852003:LCO852006 LMJ852003:LMK852006 LWF852003:LWG852006 MGB852003:MGC852006 MPX852003:MPY852006 MZT852003:MZU852006 NJP852003:NJQ852006 NTL852003:NTM852006 ODH852003:ODI852006 OND852003:ONE852006 OWZ852003:OXA852006 PGV852003:PGW852006 PQR852003:PQS852006 QAN852003:QAO852006 QKJ852003:QKK852006 QUF852003:QUG852006 REB852003:REC852006 RNX852003:RNY852006 RXT852003:RXU852006 SHP852003:SHQ852006 SRL852003:SRM852006 TBH852003:TBI852006 TLD852003:TLE852006 TUZ852003:TVA852006 UEV852003:UEW852006 UOR852003:UOS852006 UYN852003:UYO852006 VIJ852003:VIK852006 VSF852003:VSG852006 WCB852003:WCC852006 WLX852003:WLY852006 WVT852003:WVU852006 L917539:M917542 JH917539:JI917542 TD917539:TE917542 ACZ917539:ADA917542 AMV917539:AMW917542 AWR917539:AWS917542 BGN917539:BGO917542 BQJ917539:BQK917542 CAF917539:CAG917542 CKB917539:CKC917542 CTX917539:CTY917542 DDT917539:DDU917542 DNP917539:DNQ917542 DXL917539:DXM917542 EHH917539:EHI917542 ERD917539:ERE917542 FAZ917539:FBA917542 FKV917539:FKW917542 FUR917539:FUS917542 GEN917539:GEO917542 GOJ917539:GOK917542 GYF917539:GYG917542 HIB917539:HIC917542 HRX917539:HRY917542 IBT917539:IBU917542 ILP917539:ILQ917542 IVL917539:IVM917542 JFH917539:JFI917542 JPD917539:JPE917542 JYZ917539:JZA917542 KIV917539:KIW917542 KSR917539:KSS917542 LCN917539:LCO917542 LMJ917539:LMK917542 LWF917539:LWG917542 MGB917539:MGC917542 MPX917539:MPY917542 MZT917539:MZU917542 NJP917539:NJQ917542 NTL917539:NTM917542 ODH917539:ODI917542 OND917539:ONE917542 OWZ917539:OXA917542 PGV917539:PGW917542 PQR917539:PQS917542 QAN917539:QAO917542 QKJ917539:QKK917542 QUF917539:QUG917542 REB917539:REC917542 RNX917539:RNY917542 RXT917539:RXU917542 SHP917539:SHQ917542 SRL917539:SRM917542 TBH917539:TBI917542 TLD917539:TLE917542 TUZ917539:TVA917542 UEV917539:UEW917542 UOR917539:UOS917542 UYN917539:UYO917542 VIJ917539:VIK917542 VSF917539:VSG917542 WCB917539:WCC917542 WLX917539:WLY917542 WVT917539:WVU917542 L983075:M983078 JH983075:JI983078 TD983075:TE983078 ACZ983075:ADA983078 AMV983075:AMW983078 AWR983075:AWS983078 BGN983075:BGO983078 BQJ983075:BQK983078 CAF983075:CAG983078 CKB983075:CKC983078 CTX983075:CTY983078 DDT983075:DDU983078 DNP983075:DNQ983078 DXL983075:DXM983078 EHH983075:EHI983078 ERD983075:ERE983078 FAZ983075:FBA983078 FKV983075:FKW983078 FUR983075:FUS983078 GEN983075:GEO983078 GOJ983075:GOK983078 GYF983075:GYG983078 HIB983075:HIC983078 HRX983075:HRY983078 IBT983075:IBU983078 ILP983075:ILQ983078 IVL983075:IVM983078 JFH983075:JFI983078 JPD983075:JPE983078 JYZ983075:JZA983078 KIV983075:KIW983078 KSR983075:KSS983078 LCN983075:LCO983078 LMJ983075:LMK983078 LWF983075:LWG983078 MGB983075:MGC983078 MPX983075:MPY983078 MZT983075:MZU983078 NJP983075:NJQ983078 NTL983075:NTM983078 ODH983075:ODI983078 OND983075:ONE983078 OWZ983075:OXA983078 PGV983075:PGW983078 PQR983075:PQS983078 QAN983075:QAO983078 QKJ983075:QKK983078 QUF983075:QUG983078 REB983075:REC983078 RNX983075:RNY983078 RXT983075:RXU983078 SHP983075:SHQ983078 SRL983075:SRM983078 TBH983075:TBI983078 TLD983075:TLE983078 TUZ983075:TVA983078 UEV983075:UEW983078 UOR983075:UOS983078 UYN983075:UYO983078 VIJ983075:VIK983078 VSF983075:VSG983078 WCB983075:WCC983078 WLX983075:WLY983078 WVT983075:WVU983078 P35:Q38 JL35:JM38 TH35:TI38 ADD35:ADE38 AMZ35:ANA38 AWV35:AWW38 BGR35:BGS38 BQN35:BQO38 CAJ35:CAK38 CKF35:CKG38 CUB35:CUC38 DDX35:DDY38 DNT35:DNU38 DXP35:DXQ38 EHL35:EHM38 ERH35:ERI38 FBD35:FBE38 FKZ35:FLA38 FUV35:FUW38 GER35:GES38 GON35:GOO38 GYJ35:GYK38 HIF35:HIG38 HSB35:HSC38 IBX35:IBY38 ILT35:ILU38 IVP35:IVQ38 JFL35:JFM38 JPH35:JPI38 JZD35:JZE38 KIZ35:KJA38 KSV35:KSW38 LCR35:LCS38 LMN35:LMO38 LWJ35:LWK38 MGF35:MGG38 MQB35:MQC38 MZX35:MZY38 NJT35:NJU38 NTP35:NTQ38 ODL35:ODM38 ONH35:ONI38 OXD35:OXE38 PGZ35:PHA38 PQV35:PQW38 QAR35:QAS38 QKN35:QKO38 QUJ35:QUK38 REF35:REG38 ROB35:ROC38 RXX35:RXY38 SHT35:SHU38 SRP35:SRQ38 TBL35:TBM38 TLH35:TLI38 TVD35:TVE38 UEZ35:UFA38 UOV35:UOW38 UYR35:UYS38 VIN35:VIO38 VSJ35:VSK38 WCF35:WCG38 WMB35:WMC38 WVX35:WVY38 P65571:Q65574 JL65571:JM65574 TH65571:TI65574 ADD65571:ADE65574 AMZ65571:ANA65574 AWV65571:AWW65574 BGR65571:BGS65574 BQN65571:BQO65574 CAJ65571:CAK65574 CKF65571:CKG65574 CUB65571:CUC65574 DDX65571:DDY65574 DNT65571:DNU65574 DXP65571:DXQ65574 EHL65571:EHM65574 ERH65571:ERI65574 FBD65571:FBE65574 FKZ65571:FLA65574 FUV65571:FUW65574 GER65571:GES65574 GON65571:GOO65574 GYJ65571:GYK65574 HIF65571:HIG65574 HSB65571:HSC65574 IBX65571:IBY65574 ILT65571:ILU65574 IVP65571:IVQ65574 JFL65571:JFM65574 JPH65571:JPI65574 JZD65571:JZE65574 KIZ65571:KJA65574 KSV65571:KSW65574 LCR65571:LCS65574 LMN65571:LMO65574 LWJ65571:LWK65574 MGF65571:MGG65574 MQB65571:MQC65574 MZX65571:MZY65574 NJT65571:NJU65574 NTP65571:NTQ65574 ODL65571:ODM65574 ONH65571:ONI65574 OXD65571:OXE65574 PGZ65571:PHA65574 PQV65571:PQW65574 QAR65571:QAS65574 QKN65571:QKO65574 QUJ65571:QUK65574 REF65571:REG65574 ROB65571:ROC65574 RXX65571:RXY65574 SHT65571:SHU65574 SRP65571:SRQ65574 TBL65571:TBM65574 TLH65571:TLI65574 TVD65571:TVE65574 UEZ65571:UFA65574 UOV65571:UOW65574 UYR65571:UYS65574 VIN65571:VIO65574 VSJ65571:VSK65574 WCF65571:WCG65574 WMB65571:WMC65574 WVX65571:WVY65574 P131107:Q131110 JL131107:JM131110 TH131107:TI131110 ADD131107:ADE131110 AMZ131107:ANA131110 AWV131107:AWW131110 BGR131107:BGS131110 BQN131107:BQO131110 CAJ131107:CAK131110 CKF131107:CKG131110 CUB131107:CUC131110 DDX131107:DDY131110 DNT131107:DNU131110 DXP131107:DXQ131110 EHL131107:EHM131110 ERH131107:ERI131110 FBD131107:FBE131110 FKZ131107:FLA131110 FUV131107:FUW131110 GER131107:GES131110 GON131107:GOO131110 GYJ131107:GYK131110 HIF131107:HIG131110 HSB131107:HSC131110 IBX131107:IBY131110 ILT131107:ILU131110 IVP131107:IVQ131110 JFL131107:JFM131110 JPH131107:JPI131110 JZD131107:JZE131110 KIZ131107:KJA131110 KSV131107:KSW131110 LCR131107:LCS131110 LMN131107:LMO131110 LWJ131107:LWK131110 MGF131107:MGG131110 MQB131107:MQC131110 MZX131107:MZY131110 NJT131107:NJU131110 NTP131107:NTQ131110 ODL131107:ODM131110 ONH131107:ONI131110 OXD131107:OXE131110 PGZ131107:PHA131110 PQV131107:PQW131110 QAR131107:QAS131110 QKN131107:QKO131110 QUJ131107:QUK131110 REF131107:REG131110 ROB131107:ROC131110 RXX131107:RXY131110 SHT131107:SHU131110 SRP131107:SRQ131110 TBL131107:TBM131110 TLH131107:TLI131110 TVD131107:TVE131110 UEZ131107:UFA131110 UOV131107:UOW131110 UYR131107:UYS131110 VIN131107:VIO131110 VSJ131107:VSK131110 WCF131107:WCG131110 WMB131107:WMC131110 WVX131107:WVY131110 P196643:Q196646 JL196643:JM196646 TH196643:TI196646 ADD196643:ADE196646 AMZ196643:ANA196646 AWV196643:AWW196646 BGR196643:BGS196646 BQN196643:BQO196646 CAJ196643:CAK196646 CKF196643:CKG196646 CUB196643:CUC196646 DDX196643:DDY196646 DNT196643:DNU196646 DXP196643:DXQ196646 EHL196643:EHM196646 ERH196643:ERI196646 FBD196643:FBE196646 FKZ196643:FLA196646 FUV196643:FUW196646 GER196643:GES196646 GON196643:GOO196646 GYJ196643:GYK196646 HIF196643:HIG196646 HSB196643:HSC196646 IBX196643:IBY196646 ILT196643:ILU196646 IVP196643:IVQ196646 JFL196643:JFM196646 JPH196643:JPI196646 JZD196643:JZE196646 KIZ196643:KJA196646 KSV196643:KSW196646 LCR196643:LCS196646 LMN196643:LMO196646 LWJ196643:LWK196646 MGF196643:MGG196646 MQB196643:MQC196646 MZX196643:MZY196646 NJT196643:NJU196646 NTP196643:NTQ196646 ODL196643:ODM196646 ONH196643:ONI196646 OXD196643:OXE196646 PGZ196643:PHA196646 PQV196643:PQW196646 QAR196643:QAS196646 QKN196643:QKO196646 QUJ196643:QUK196646 REF196643:REG196646 ROB196643:ROC196646 RXX196643:RXY196646 SHT196643:SHU196646 SRP196643:SRQ196646 TBL196643:TBM196646 TLH196643:TLI196646 TVD196643:TVE196646 UEZ196643:UFA196646 UOV196643:UOW196646 UYR196643:UYS196646 VIN196643:VIO196646 VSJ196643:VSK196646 WCF196643:WCG196646 WMB196643:WMC196646 WVX196643:WVY196646 P262179:Q262182 JL262179:JM262182 TH262179:TI262182 ADD262179:ADE262182 AMZ262179:ANA262182 AWV262179:AWW262182 BGR262179:BGS262182 BQN262179:BQO262182 CAJ262179:CAK262182 CKF262179:CKG262182 CUB262179:CUC262182 DDX262179:DDY262182 DNT262179:DNU262182 DXP262179:DXQ262182 EHL262179:EHM262182 ERH262179:ERI262182 FBD262179:FBE262182 FKZ262179:FLA262182 FUV262179:FUW262182 GER262179:GES262182 GON262179:GOO262182 GYJ262179:GYK262182 HIF262179:HIG262182 HSB262179:HSC262182 IBX262179:IBY262182 ILT262179:ILU262182 IVP262179:IVQ262182 JFL262179:JFM262182 JPH262179:JPI262182 JZD262179:JZE262182 KIZ262179:KJA262182 KSV262179:KSW262182 LCR262179:LCS262182 LMN262179:LMO262182 LWJ262179:LWK262182 MGF262179:MGG262182 MQB262179:MQC262182 MZX262179:MZY262182 NJT262179:NJU262182 NTP262179:NTQ262182 ODL262179:ODM262182 ONH262179:ONI262182 OXD262179:OXE262182 PGZ262179:PHA262182 PQV262179:PQW262182 QAR262179:QAS262182 QKN262179:QKO262182 QUJ262179:QUK262182 REF262179:REG262182 ROB262179:ROC262182 RXX262179:RXY262182 SHT262179:SHU262182 SRP262179:SRQ262182 TBL262179:TBM262182 TLH262179:TLI262182 TVD262179:TVE262182 UEZ262179:UFA262182 UOV262179:UOW262182 UYR262179:UYS262182 VIN262179:VIO262182 VSJ262179:VSK262182 WCF262179:WCG262182 WMB262179:WMC262182 WVX262179:WVY262182 P327715:Q327718 JL327715:JM327718 TH327715:TI327718 ADD327715:ADE327718 AMZ327715:ANA327718 AWV327715:AWW327718 BGR327715:BGS327718 BQN327715:BQO327718 CAJ327715:CAK327718 CKF327715:CKG327718 CUB327715:CUC327718 DDX327715:DDY327718 DNT327715:DNU327718 DXP327715:DXQ327718 EHL327715:EHM327718 ERH327715:ERI327718 FBD327715:FBE327718 FKZ327715:FLA327718 FUV327715:FUW327718 GER327715:GES327718 GON327715:GOO327718 GYJ327715:GYK327718 HIF327715:HIG327718 HSB327715:HSC327718 IBX327715:IBY327718 ILT327715:ILU327718 IVP327715:IVQ327718 JFL327715:JFM327718 JPH327715:JPI327718 JZD327715:JZE327718 KIZ327715:KJA327718 KSV327715:KSW327718 LCR327715:LCS327718 LMN327715:LMO327718 LWJ327715:LWK327718 MGF327715:MGG327718 MQB327715:MQC327718 MZX327715:MZY327718 NJT327715:NJU327718 NTP327715:NTQ327718 ODL327715:ODM327718 ONH327715:ONI327718 OXD327715:OXE327718 PGZ327715:PHA327718 PQV327715:PQW327718 QAR327715:QAS327718 QKN327715:QKO327718 QUJ327715:QUK327718 REF327715:REG327718 ROB327715:ROC327718 RXX327715:RXY327718 SHT327715:SHU327718 SRP327715:SRQ327718 TBL327715:TBM327718 TLH327715:TLI327718 TVD327715:TVE327718 UEZ327715:UFA327718 UOV327715:UOW327718 UYR327715:UYS327718 VIN327715:VIO327718 VSJ327715:VSK327718 WCF327715:WCG327718 WMB327715:WMC327718 WVX327715:WVY327718 P393251:Q393254 JL393251:JM393254 TH393251:TI393254 ADD393251:ADE393254 AMZ393251:ANA393254 AWV393251:AWW393254 BGR393251:BGS393254 BQN393251:BQO393254 CAJ393251:CAK393254 CKF393251:CKG393254 CUB393251:CUC393254 DDX393251:DDY393254 DNT393251:DNU393254 DXP393251:DXQ393254 EHL393251:EHM393254 ERH393251:ERI393254 FBD393251:FBE393254 FKZ393251:FLA393254 FUV393251:FUW393254 GER393251:GES393254 GON393251:GOO393254 GYJ393251:GYK393254 HIF393251:HIG393254 HSB393251:HSC393254 IBX393251:IBY393254 ILT393251:ILU393254 IVP393251:IVQ393254 JFL393251:JFM393254 JPH393251:JPI393254 JZD393251:JZE393254 KIZ393251:KJA393254 KSV393251:KSW393254 LCR393251:LCS393254 LMN393251:LMO393254 LWJ393251:LWK393254 MGF393251:MGG393254 MQB393251:MQC393254 MZX393251:MZY393254 NJT393251:NJU393254 NTP393251:NTQ393254 ODL393251:ODM393254 ONH393251:ONI393254 OXD393251:OXE393254 PGZ393251:PHA393254 PQV393251:PQW393254 QAR393251:QAS393254 QKN393251:QKO393254 QUJ393251:QUK393254 REF393251:REG393254 ROB393251:ROC393254 RXX393251:RXY393254 SHT393251:SHU393254 SRP393251:SRQ393254 TBL393251:TBM393254 TLH393251:TLI393254 TVD393251:TVE393254 UEZ393251:UFA393254 UOV393251:UOW393254 UYR393251:UYS393254 VIN393251:VIO393254 VSJ393251:VSK393254 WCF393251:WCG393254 WMB393251:WMC393254 WVX393251:WVY393254 P458787:Q458790 JL458787:JM458790 TH458787:TI458790 ADD458787:ADE458790 AMZ458787:ANA458790 AWV458787:AWW458790 BGR458787:BGS458790 BQN458787:BQO458790 CAJ458787:CAK458790 CKF458787:CKG458790 CUB458787:CUC458790 DDX458787:DDY458790 DNT458787:DNU458790 DXP458787:DXQ458790 EHL458787:EHM458790 ERH458787:ERI458790 FBD458787:FBE458790 FKZ458787:FLA458790 FUV458787:FUW458790 GER458787:GES458790 GON458787:GOO458790 GYJ458787:GYK458790 HIF458787:HIG458790 HSB458787:HSC458790 IBX458787:IBY458790 ILT458787:ILU458790 IVP458787:IVQ458790 JFL458787:JFM458790 JPH458787:JPI458790 JZD458787:JZE458790 KIZ458787:KJA458790 KSV458787:KSW458790 LCR458787:LCS458790 LMN458787:LMO458790 LWJ458787:LWK458790 MGF458787:MGG458790 MQB458787:MQC458790 MZX458787:MZY458790 NJT458787:NJU458790 NTP458787:NTQ458790 ODL458787:ODM458790 ONH458787:ONI458790 OXD458787:OXE458790 PGZ458787:PHA458790 PQV458787:PQW458790 QAR458787:QAS458790 QKN458787:QKO458790 QUJ458787:QUK458790 REF458787:REG458790 ROB458787:ROC458790 RXX458787:RXY458790 SHT458787:SHU458790 SRP458787:SRQ458790 TBL458787:TBM458790 TLH458787:TLI458790 TVD458787:TVE458790 UEZ458787:UFA458790 UOV458787:UOW458790 UYR458787:UYS458790 VIN458787:VIO458790 VSJ458787:VSK458790 WCF458787:WCG458790 WMB458787:WMC458790 WVX458787:WVY458790 P524323:Q524326 JL524323:JM524326 TH524323:TI524326 ADD524323:ADE524326 AMZ524323:ANA524326 AWV524323:AWW524326 BGR524323:BGS524326 BQN524323:BQO524326 CAJ524323:CAK524326 CKF524323:CKG524326 CUB524323:CUC524326 DDX524323:DDY524326 DNT524323:DNU524326 DXP524323:DXQ524326 EHL524323:EHM524326 ERH524323:ERI524326 FBD524323:FBE524326 FKZ524323:FLA524326 FUV524323:FUW524326 GER524323:GES524326 GON524323:GOO524326 GYJ524323:GYK524326 HIF524323:HIG524326 HSB524323:HSC524326 IBX524323:IBY524326 ILT524323:ILU524326 IVP524323:IVQ524326 JFL524323:JFM524326 JPH524323:JPI524326 JZD524323:JZE524326 KIZ524323:KJA524326 KSV524323:KSW524326 LCR524323:LCS524326 LMN524323:LMO524326 LWJ524323:LWK524326 MGF524323:MGG524326 MQB524323:MQC524326 MZX524323:MZY524326 NJT524323:NJU524326 NTP524323:NTQ524326 ODL524323:ODM524326 ONH524323:ONI524326 OXD524323:OXE524326 PGZ524323:PHA524326 PQV524323:PQW524326 QAR524323:QAS524326 QKN524323:QKO524326 QUJ524323:QUK524326 REF524323:REG524326 ROB524323:ROC524326 RXX524323:RXY524326 SHT524323:SHU524326 SRP524323:SRQ524326 TBL524323:TBM524326 TLH524323:TLI524326 TVD524323:TVE524326 UEZ524323:UFA524326 UOV524323:UOW524326 UYR524323:UYS524326 VIN524323:VIO524326 VSJ524323:VSK524326 WCF524323:WCG524326 WMB524323:WMC524326 WVX524323:WVY524326 P589859:Q589862 JL589859:JM589862 TH589859:TI589862 ADD589859:ADE589862 AMZ589859:ANA589862 AWV589859:AWW589862 BGR589859:BGS589862 BQN589859:BQO589862 CAJ589859:CAK589862 CKF589859:CKG589862 CUB589859:CUC589862 DDX589859:DDY589862 DNT589859:DNU589862 DXP589859:DXQ589862 EHL589859:EHM589862 ERH589859:ERI589862 FBD589859:FBE589862 FKZ589859:FLA589862 FUV589859:FUW589862 GER589859:GES589862 GON589859:GOO589862 GYJ589859:GYK589862 HIF589859:HIG589862 HSB589859:HSC589862 IBX589859:IBY589862 ILT589859:ILU589862 IVP589859:IVQ589862 JFL589859:JFM589862 JPH589859:JPI589862 JZD589859:JZE589862 KIZ589859:KJA589862 KSV589859:KSW589862 LCR589859:LCS589862 LMN589859:LMO589862 LWJ589859:LWK589862 MGF589859:MGG589862 MQB589859:MQC589862 MZX589859:MZY589862 NJT589859:NJU589862 NTP589859:NTQ589862 ODL589859:ODM589862 ONH589859:ONI589862 OXD589859:OXE589862 PGZ589859:PHA589862 PQV589859:PQW589862 QAR589859:QAS589862 QKN589859:QKO589862 QUJ589859:QUK589862 REF589859:REG589862 ROB589859:ROC589862 RXX589859:RXY589862 SHT589859:SHU589862 SRP589859:SRQ589862 TBL589859:TBM589862 TLH589859:TLI589862 TVD589859:TVE589862 UEZ589859:UFA589862 UOV589859:UOW589862 UYR589859:UYS589862 VIN589859:VIO589862 VSJ589859:VSK589862 WCF589859:WCG589862 WMB589859:WMC589862 WVX589859:WVY589862 P655395:Q655398 JL655395:JM655398 TH655395:TI655398 ADD655395:ADE655398 AMZ655395:ANA655398 AWV655395:AWW655398 BGR655395:BGS655398 BQN655395:BQO655398 CAJ655395:CAK655398 CKF655395:CKG655398 CUB655395:CUC655398 DDX655395:DDY655398 DNT655395:DNU655398 DXP655395:DXQ655398 EHL655395:EHM655398 ERH655395:ERI655398 FBD655395:FBE655398 FKZ655395:FLA655398 FUV655395:FUW655398 GER655395:GES655398 GON655395:GOO655398 GYJ655395:GYK655398 HIF655395:HIG655398 HSB655395:HSC655398 IBX655395:IBY655398 ILT655395:ILU655398 IVP655395:IVQ655398 JFL655395:JFM655398 JPH655395:JPI655398 JZD655395:JZE655398 KIZ655395:KJA655398 KSV655395:KSW655398 LCR655395:LCS655398 LMN655395:LMO655398 LWJ655395:LWK655398 MGF655395:MGG655398 MQB655395:MQC655398 MZX655395:MZY655398 NJT655395:NJU655398 NTP655395:NTQ655398 ODL655395:ODM655398 ONH655395:ONI655398 OXD655395:OXE655398 PGZ655395:PHA655398 PQV655395:PQW655398 QAR655395:QAS655398 QKN655395:QKO655398 QUJ655395:QUK655398 REF655395:REG655398 ROB655395:ROC655398 RXX655395:RXY655398 SHT655395:SHU655398 SRP655395:SRQ655398 TBL655395:TBM655398 TLH655395:TLI655398 TVD655395:TVE655398 UEZ655395:UFA655398 UOV655395:UOW655398 UYR655395:UYS655398 VIN655395:VIO655398 VSJ655395:VSK655398 WCF655395:WCG655398 WMB655395:WMC655398 WVX655395:WVY655398 P720931:Q720934 JL720931:JM720934 TH720931:TI720934 ADD720931:ADE720934 AMZ720931:ANA720934 AWV720931:AWW720934 BGR720931:BGS720934 BQN720931:BQO720934 CAJ720931:CAK720934 CKF720931:CKG720934 CUB720931:CUC720934 DDX720931:DDY720934 DNT720931:DNU720934 DXP720931:DXQ720934 EHL720931:EHM720934 ERH720931:ERI720934 FBD720931:FBE720934 FKZ720931:FLA720934 FUV720931:FUW720934 GER720931:GES720934 GON720931:GOO720934 GYJ720931:GYK720934 HIF720931:HIG720934 HSB720931:HSC720934 IBX720931:IBY720934 ILT720931:ILU720934 IVP720931:IVQ720934 JFL720931:JFM720934 JPH720931:JPI720934 JZD720931:JZE720934 KIZ720931:KJA720934 KSV720931:KSW720934 LCR720931:LCS720934 LMN720931:LMO720934 LWJ720931:LWK720934 MGF720931:MGG720934 MQB720931:MQC720934 MZX720931:MZY720934 NJT720931:NJU720934 NTP720931:NTQ720934 ODL720931:ODM720934 ONH720931:ONI720934 OXD720931:OXE720934 PGZ720931:PHA720934 PQV720931:PQW720934 QAR720931:QAS720934 QKN720931:QKO720934 QUJ720931:QUK720934 REF720931:REG720934 ROB720931:ROC720934 RXX720931:RXY720934 SHT720931:SHU720934 SRP720931:SRQ720934 TBL720931:TBM720934 TLH720931:TLI720934 TVD720931:TVE720934 UEZ720931:UFA720934 UOV720931:UOW720934 UYR720931:UYS720934 VIN720931:VIO720934 VSJ720931:VSK720934 WCF720931:WCG720934 WMB720931:WMC720934 WVX720931:WVY720934 P786467:Q786470 JL786467:JM786470 TH786467:TI786470 ADD786467:ADE786470 AMZ786467:ANA786470 AWV786467:AWW786470 BGR786467:BGS786470 BQN786467:BQO786470 CAJ786467:CAK786470 CKF786467:CKG786470 CUB786467:CUC786470 DDX786467:DDY786470 DNT786467:DNU786470 DXP786467:DXQ786470 EHL786467:EHM786470 ERH786467:ERI786470 FBD786467:FBE786470 FKZ786467:FLA786470 FUV786467:FUW786470 GER786467:GES786470 GON786467:GOO786470 GYJ786467:GYK786470 HIF786467:HIG786470 HSB786467:HSC786470 IBX786467:IBY786470 ILT786467:ILU786470 IVP786467:IVQ786470 JFL786467:JFM786470 JPH786467:JPI786470 JZD786467:JZE786470 KIZ786467:KJA786470 KSV786467:KSW786470 LCR786467:LCS786470 LMN786467:LMO786470 LWJ786467:LWK786470 MGF786467:MGG786470 MQB786467:MQC786470 MZX786467:MZY786470 NJT786467:NJU786470 NTP786467:NTQ786470 ODL786467:ODM786470 ONH786467:ONI786470 OXD786467:OXE786470 PGZ786467:PHA786470 PQV786467:PQW786470 QAR786467:QAS786470 QKN786467:QKO786470 QUJ786467:QUK786470 REF786467:REG786470 ROB786467:ROC786470 RXX786467:RXY786470 SHT786467:SHU786470 SRP786467:SRQ786470 TBL786467:TBM786470 TLH786467:TLI786470 TVD786467:TVE786470 UEZ786467:UFA786470 UOV786467:UOW786470 UYR786467:UYS786470 VIN786467:VIO786470 VSJ786467:VSK786470 WCF786467:WCG786470 WMB786467:WMC786470 WVX786467:WVY786470 P852003:Q852006 JL852003:JM852006 TH852003:TI852006 ADD852003:ADE852006 AMZ852003:ANA852006 AWV852003:AWW852006 BGR852003:BGS852006 BQN852003:BQO852006 CAJ852003:CAK852006 CKF852003:CKG852006 CUB852003:CUC852006 DDX852003:DDY852006 DNT852003:DNU852006 DXP852003:DXQ852006 EHL852003:EHM852006 ERH852003:ERI852006 FBD852003:FBE852006 FKZ852003:FLA852006 FUV852003:FUW852006 GER852003:GES852006 GON852003:GOO852006 GYJ852003:GYK852006 HIF852003:HIG852006 HSB852003:HSC852006 IBX852003:IBY852006 ILT852003:ILU852006 IVP852003:IVQ852006 JFL852003:JFM852006 JPH852003:JPI852006 JZD852003:JZE852006 KIZ852003:KJA852006 KSV852003:KSW852006 LCR852003:LCS852006 LMN852003:LMO852006 LWJ852003:LWK852006 MGF852003:MGG852006 MQB852003:MQC852006 MZX852003:MZY852006 NJT852003:NJU852006 NTP852003:NTQ852006 ODL852003:ODM852006 ONH852003:ONI852006 OXD852003:OXE852006 PGZ852003:PHA852006 PQV852003:PQW852006 QAR852003:QAS852006 QKN852003:QKO852006 QUJ852003:QUK852006 REF852003:REG852006 ROB852003:ROC852006 RXX852003:RXY852006 SHT852003:SHU852006 SRP852003:SRQ852006 TBL852003:TBM852006 TLH852003:TLI852006 TVD852003:TVE852006 UEZ852003:UFA852006 UOV852003:UOW852006 UYR852003:UYS852006 VIN852003:VIO852006 VSJ852003:VSK852006 WCF852003:WCG852006 WMB852003:WMC852006 WVX852003:WVY852006 P917539:Q917542 JL917539:JM917542 TH917539:TI917542 ADD917539:ADE917542 AMZ917539:ANA917542 AWV917539:AWW917542 BGR917539:BGS917542 BQN917539:BQO917542 CAJ917539:CAK917542 CKF917539:CKG917542 CUB917539:CUC917542 DDX917539:DDY917542 DNT917539:DNU917542 DXP917539:DXQ917542 EHL917539:EHM917542 ERH917539:ERI917542 FBD917539:FBE917542 FKZ917539:FLA917542 FUV917539:FUW917542 GER917539:GES917542 GON917539:GOO917542 GYJ917539:GYK917542 HIF917539:HIG917542 HSB917539:HSC917542 IBX917539:IBY917542 ILT917539:ILU917542 IVP917539:IVQ917542 JFL917539:JFM917542 JPH917539:JPI917542 JZD917539:JZE917542 KIZ917539:KJA917542 KSV917539:KSW917542 LCR917539:LCS917542 LMN917539:LMO917542 LWJ917539:LWK917542 MGF917539:MGG917542 MQB917539:MQC917542 MZX917539:MZY917542 NJT917539:NJU917542 NTP917539:NTQ917542 ODL917539:ODM917542 ONH917539:ONI917542 OXD917539:OXE917542 PGZ917539:PHA917542 PQV917539:PQW917542 QAR917539:QAS917542 QKN917539:QKO917542 QUJ917539:QUK917542 REF917539:REG917542 ROB917539:ROC917542 RXX917539:RXY917542 SHT917539:SHU917542 SRP917539:SRQ917542 TBL917539:TBM917542 TLH917539:TLI917542 TVD917539:TVE917542 UEZ917539:UFA917542 UOV917539:UOW917542 UYR917539:UYS917542 VIN917539:VIO917542 VSJ917539:VSK917542 WCF917539:WCG917542 WMB917539:WMC917542 WVX917539:WVY917542 P983075:Q983078 JL983075:JM983078 TH983075:TI983078 ADD983075:ADE983078 AMZ983075:ANA983078 AWV983075:AWW983078 BGR983075:BGS983078 BQN983075:BQO983078 CAJ983075:CAK983078 CKF983075:CKG983078 CUB983075:CUC983078 DDX983075:DDY983078 DNT983075:DNU983078 DXP983075:DXQ983078 EHL983075:EHM983078 ERH983075:ERI983078 FBD983075:FBE983078 FKZ983075:FLA983078 FUV983075:FUW983078 GER983075:GES983078 GON983075:GOO983078 GYJ983075:GYK983078 HIF983075:HIG983078 HSB983075:HSC983078 IBX983075:IBY983078 ILT983075:ILU983078 IVP983075:IVQ983078 JFL983075:JFM983078 JPH983075:JPI983078 JZD983075:JZE983078 KIZ983075:KJA983078 KSV983075:KSW983078 LCR983075:LCS983078 LMN983075:LMO983078 LWJ983075:LWK983078 MGF983075:MGG983078 MQB983075:MQC983078 MZX983075:MZY983078 NJT983075:NJU983078 NTP983075:NTQ983078 ODL983075:ODM983078 ONH983075:ONI983078 OXD983075:OXE983078 PGZ983075:PHA983078 PQV983075:PQW983078 QAR983075:QAS983078 QKN983075:QKO983078 QUJ983075:QUK983078 REF983075:REG983078 ROB983075:ROC983078 RXX983075:RXY983078 SHT983075:SHU983078 SRP983075:SRQ983078 TBL983075:TBM983078 TLH983075:TLI983078 TVD983075:TVE983078 UEZ983075:UFA983078 UOV983075:UOW983078 UYR983075:UYS983078 VIN983075:VIO983078 VSJ983075:VSK983078 WCF983075:WCG983078 WMB983075:WMC983078 WVX983075:WVY983078 S35:S38 JO35:JO38 TK35:TK38 ADG35:ADG38 ANC35:ANC38 AWY35:AWY38 BGU35:BGU38 BQQ35:BQQ38 CAM35:CAM38 CKI35:CKI38 CUE35:CUE38 DEA35:DEA38 DNW35:DNW38 DXS35:DXS38 EHO35:EHO38 ERK35:ERK38 FBG35:FBG38 FLC35:FLC38 FUY35:FUY38 GEU35:GEU38 GOQ35:GOQ38 GYM35:GYM38 HII35:HII38 HSE35:HSE38 ICA35:ICA38 ILW35:ILW38 IVS35:IVS38 JFO35:JFO38 JPK35:JPK38 JZG35:JZG38 KJC35:KJC38 KSY35:KSY38 LCU35:LCU38 LMQ35:LMQ38 LWM35:LWM38 MGI35:MGI38 MQE35:MQE38 NAA35:NAA38 NJW35:NJW38 NTS35:NTS38 ODO35:ODO38 ONK35:ONK38 OXG35:OXG38 PHC35:PHC38 PQY35:PQY38 QAU35:QAU38 QKQ35:QKQ38 QUM35:QUM38 REI35:REI38 ROE35:ROE38 RYA35:RYA38 SHW35:SHW38 SRS35:SRS38 TBO35:TBO38 TLK35:TLK38 TVG35:TVG38 UFC35:UFC38 UOY35:UOY38 UYU35:UYU38 VIQ35:VIQ38 VSM35:VSM38 WCI35:WCI38 WME35:WME38 WWA35:WWA38 S65571:S65574 JO65571:JO65574 TK65571:TK65574 ADG65571:ADG65574 ANC65571:ANC65574 AWY65571:AWY65574 BGU65571:BGU65574 BQQ65571:BQQ65574 CAM65571:CAM65574 CKI65571:CKI65574 CUE65571:CUE65574 DEA65571:DEA65574 DNW65571:DNW65574 DXS65571:DXS65574 EHO65571:EHO65574 ERK65571:ERK65574 FBG65571:FBG65574 FLC65571:FLC65574 FUY65571:FUY65574 GEU65571:GEU65574 GOQ65571:GOQ65574 GYM65571:GYM65574 HII65571:HII65574 HSE65571:HSE65574 ICA65571:ICA65574 ILW65571:ILW65574 IVS65571:IVS65574 JFO65571:JFO65574 JPK65571:JPK65574 JZG65571:JZG65574 KJC65571:KJC65574 KSY65571:KSY65574 LCU65571:LCU65574 LMQ65571:LMQ65574 LWM65571:LWM65574 MGI65571:MGI65574 MQE65571:MQE65574 NAA65571:NAA65574 NJW65571:NJW65574 NTS65571:NTS65574 ODO65571:ODO65574 ONK65571:ONK65574 OXG65571:OXG65574 PHC65571:PHC65574 PQY65571:PQY65574 QAU65571:QAU65574 QKQ65571:QKQ65574 QUM65571:QUM65574 REI65571:REI65574 ROE65571:ROE65574 RYA65571:RYA65574 SHW65571:SHW65574 SRS65571:SRS65574 TBO65571:TBO65574 TLK65571:TLK65574 TVG65571:TVG65574 UFC65571:UFC65574 UOY65571:UOY65574 UYU65571:UYU65574 VIQ65571:VIQ65574 VSM65571:VSM65574 WCI65571:WCI65574 WME65571:WME65574 WWA65571:WWA65574 S131107:S131110 JO131107:JO131110 TK131107:TK131110 ADG131107:ADG131110 ANC131107:ANC131110 AWY131107:AWY131110 BGU131107:BGU131110 BQQ131107:BQQ131110 CAM131107:CAM131110 CKI131107:CKI131110 CUE131107:CUE131110 DEA131107:DEA131110 DNW131107:DNW131110 DXS131107:DXS131110 EHO131107:EHO131110 ERK131107:ERK131110 FBG131107:FBG131110 FLC131107:FLC131110 FUY131107:FUY131110 GEU131107:GEU131110 GOQ131107:GOQ131110 GYM131107:GYM131110 HII131107:HII131110 HSE131107:HSE131110 ICA131107:ICA131110 ILW131107:ILW131110 IVS131107:IVS131110 JFO131107:JFO131110 JPK131107:JPK131110 JZG131107:JZG131110 KJC131107:KJC131110 KSY131107:KSY131110 LCU131107:LCU131110 LMQ131107:LMQ131110 LWM131107:LWM131110 MGI131107:MGI131110 MQE131107:MQE131110 NAA131107:NAA131110 NJW131107:NJW131110 NTS131107:NTS131110 ODO131107:ODO131110 ONK131107:ONK131110 OXG131107:OXG131110 PHC131107:PHC131110 PQY131107:PQY131110 QAU131107:QAU131110 QKQ131107:QKQ131110 QUM131107:QUM131110 REI131107:REI131110 ROE131107:ROE131110 RYA131107:RYA131110 SHW131107:SHW131110 SRS131107:SRS131110 TBO131107:TBO131110 TLK131107:TLK131110 TVG131107:TVG131110 UFC131107:UFC131110 UOY131107:UOY131110 UYU131107:UYU131110 VIQ131107:VIQ131110 VSM131107:VSM131110 WCI131107:WCI131110 WME131107:WME131110 WWA131107:WWA131110 S196643:S196646 JO196643:JO196646 TK196643:TK196646 ADG196643:ADG196646 ANC196643:ANC196646 AWY196643:AWY196646 BGU196643:BGU196646 BQQ196643:BQQ196646 CAM196643:CAM196646 CKI196643:CKI196646 CUE196643:CUE196646 DEA196643:DEA196646 DNW196643:DNW196646 DXS196643:DXS196646 EHO196643:EHO196646 ERK196643:ERK196646 FBG196643:FBG196646 FLC196643:FLC196646 FUY196643:FUY196646 GEU196643:GEU196646 GOQ196643:GOQ196646 GYM196643:GYM196646 HII196643:HII196646 HSE196643:HSE196646 ICA196643:ICA196646 ILW196643:ILW196646 IVS196643:IVS196646 JFO196643:JFO196646 JPK196643:JPK196646 JZG196643:JZG196646 KJC196643:KJC196646 KSY196643:KSY196646 LCU196643:LCU196646 LMQ196643:LMQ196646 LWM196643:LWM196646 MGI196643:MGI196646 MQE196643:MQE196646 NAA196643:NAA196646 NJW196643:NJW196646 NTS196643:NTS196646 ODO196643:ODO196646 ONK196643:ONK196646 OXG196643:OXG196646 PHC196643:PHC196646 PQY196643:PQY196646 QAU196643:QAU196646 QKQ196643:QKQ196646 QUM196643:QUM196646 REI196643:REI196646 ROE196643:ROE196646 RYA196643:RYA196646 SHW196643:SHW196646 SRS196643:SRS196646 TBO196643:TBO196646 TLK196643:TLK196646 TVG196643:TVG196646 UFC196643:UFC196646 UOY196643:UOY196646 UYU196643:UYU196646 VIQ196643:VIQ196646 VSM196643:VSM196646 WCI196643:WCI196646 WME196643:WME196646 WWA196643:WWA196646 S262179:S262182 JO262179:JO262182 TK262179:TK262182 ADG262179:ADG262182 ANC262179:ANC262182 AWY262179:AWY262182 BGU262179:BGU262182 BQQ262179:BQQ262182 CAM262179:CAM262182 CKI262179:CKI262182 CUE262179:CUE262182 DEA262179:DEA262182 DNW262179:DNW262182 DXS262179:DXS262182 EHO262179:EHO262182 ERK262179:ERK262182 FBG262179:FBG262182 FLC262179:FLC262182 FUY262179:FUY262182 GEU262179:GEU262182 GOQ262179:GOQ262182 GYM262179:GYM262182 HII262179:HII262182 HSE262179:HSE262182 ICA262179:ICA262182 ILW262179:ILW262182 IVS262179:IVS262182 JFO262179:JFO262182 JPK262179:JPK262182 JZG262179:JZG262182 KJC262179:KJC262182 KSY262179:KSY262182 LCU262179:LCU262182 LMQ262179:LMQ262182 LWM262179:LWM262182 MGI262179:MGI262182 MQE262179:MQE262182 NAA262179:NAA262182 NJW262179:NJW262182 NTS262179:NTS262182 ODO262179:ODO262182 ONK262179:ONK262182 OXG262179:OXG262182 PHC262179:PHC262182 PQY262179:PQY262182 QAU262179:QAU262182 QKQ262179:QKQ262182 QUM262179:QUM262182 REI262179:REI262182 ROE262179:ROE262182 RYA262179:RYA262182 SHW262179:SHW262182 SRS262179:SRS262182 TBO262179:TBO262182 TLK262179:TLK262182 TVG262179:TVG262182 UFC262179:UFC262182 UOY262179:UOY262182 UYU262179:UYU262182 VIQ262179:VIQ262182 VSM262179:VSM262182 WCI262179:WCI262182 WME262179:WME262182 WWA262179:WWA262182 S327715:S327718 JO327715:JO327718 TK327715:TK327718 ADG327715:ADG327718 ANC327715:ANC327718 AWY327715:AWY327718 BGU327715:BGU327718 BQQ327715:BQQ327718 CAM327715:CAM327718 CKI327715:CKI327718 CUE327715:CUE327718 DEA327715:DEA327718 DNW327715:DNW327718 DXS327715:DXS327718 EHO327715:EHO327718 ERK327715:ERK327718 FBG327715:FBG327718 FLC327715:FLC327718 FUY327715:FUY327718 GEU327715:GEU327718 GOQ327715:GOQ327718 GYM327715:GYM327718 HII327715:HII327718 HSE327715:HSE327718 ICA327715:ICA327718 ILW327715:ILW327718 IVS327715:IVS327718 JFO327715:JFO327718 JPK327715:JPK327718 JZG327715:JZG327718 KJC327715:KJC327718 KSY327715:KSY327718 LCU327715:LCU327718 LMQ327715:LMQ327718 LWM327715:LWM327718 MGI327715:MGI327718 MQE327715:MQE327718 NAA327715:NAA327718 NJW327715:NJW327718 NTS327715:NTS327718 ODO327715:ODO327718 ONK327715:ONK327718 OXG327715:OXG327718 PHC327715:PHC327718 PQY327715:PQY327718 QAU327715:QAU327718 QKQ327715:QKQ327718 QUM327715:QUM327718 REI327715:REI327718 ROE327715:ROE327718 RYA327715:RYA327718 SHW327715:SHW327718 SRS327715:SRS327718 TBO327715:TBO327718 TLK327715:TLK327718 TVG327715:TVG327718 UFC327715:UFC327718 UOY327715:UOY327718 UYU327715:UYU327718 VIQ327715:VIQ327718 VSM327715:VSM327718 WCI327715:WCI327718 WME327715:WME327718 WWA327715:WWA327718 S393251:S393254 JO393251:JO393254 TK393251:TK393254 ADG393251:ADG393254 ANC393251:ANC393254 AWY393251:AWY393254 BGU393251:BGU393254 BQQ393251:BQQ393254 CAM393251:CAM393254 CKI393251:CKI393254 CUE393251:CUE393254 DEA393251:DEA393254 DNW393251:DNW393254 DXS393251:DXS393254 EHO393251:EHO393254 ERK393251:ERK393254 FBG393251:FBG393254 FLC393251:FLC393254 FUY393251:FUY393254 GEU393251:GEU393254 GOQ393251:GOQ393254 GYM393251:GYM393254 HII393251:HII393254 HSE393251:HSE393254 ICA393251:ICA393254 ILW393251:ILW393254 IVS393251:IVS393254 JFO393251:JFO393254 JPK393251:JPK393254 JZG393251:JZG393254 KJC393251:KJC393254 KSY393251:KSY393254 LCU393251:LCU393254 LMQ393251:LMQ393254 LWM393251:LWM393254 MGI393251:MGI393254 MQE393251:MQE393254 NAA393251:NAA393254 NJW393251:NJW393254 NTS393251:NTS393254 ODO393251:ODO393254 ONK393251:ONK393254 OXG393251:OXG393254 PHC393251:PHC393254 PQY393251:PQY393254 QAU393251:QAU393254 QKQ393251:QKQ393254 QUM393251:QUM393254 REI393251:REI393254 ROE393251:ROE393254 RYA393251:RYA393254 SHW393251:SHW393254 SRS393251:SRS393254 TBO393251:TBO393254 TLK393251:TLK393254 TVG393251:TVG393254 UFC393251:UFC393254 UOY393251:UOY393254 UYU393251:UYU393254 VIQ393251:VIQ393254 VSM393251:VSM393254 WCI393251:WCI393254 WME393251:WME393254 WWA393251:WWA393254 S458787:S458790 JO458787:JO458790 TK458787:TK458790 ADG458787:ADG458790 ANC458787:ANC458790 AWY458787:AWY458790 BGU458787:BGU458790 BQQ458787:BQQ458790 CAM458787:CAM458790 CKI458787:CKI458790 CUE458787:CUE458790 DEA458787:DEA458790 DNW458787:DNW458790 DXS458787:DXS458790 EHO458787:EHO458790 ERK458787:ERK458790 FBG458787:FBG458790 FLC458787:FLC458790 FUY458787:FUY458790 GEU458787:GEU458790 GOQ458787:GOQ458790 GYM458787:GYM458790 HII458787:HII458790 HSE458787:HSE458790 ICA458787:ICA458790 ILW458787:ILW458790 IVS458787:IVS458790 JFO458787:JFO458790 JPK458787:JPK458790 JZG458787:JZG458790 KJC458787:KJC458790 KSY458787:KSY458790 LCU458787:LCU458790 LMQ458787:LMQ458790 LWM458787:LWM458790 MGI458787:MGI458790 MQE458787:MQE458790 NAA458787:NAA458790 NJW458787:NJW458790 NTS458787:NTS458790 ODO458787:ODO458790 ONK458787:ONK458790 OXG458787:OXG458790 PHC458787:PHC458790 PQY458787:PQY458790 QAU458787:QAU458790 QKQ458787:QKQ458790 QUM458787:QUM458790 REI458787:REI458790 ROE458787:ROE458790 RYA458787:RYA458790 SHW458787:SHW458790 SRS458787:SRS458790 TBO458787:TBO458790 TLK458787:TLK458790 TVG458787:TVG458790 UFC458787:UFC458790 UOY458787:UOY458790 UYU458787:UYU458790 VIQ458787:VIQ458790 VSM458787:VSM458790 WCI458787:WCI458790 WME458787:WME458790 WWA458787:WWA458790 S524323:S524326 JO524323:JO524326 TK524323:TK524326 ADG524323:ADG524326 ANC524323:ANC524326 AWY524323:AWY524326 BGU524323:BGU524326 BQQ524323:BQQ524326 CAM524323:CAM524326 CKI524323:CKI524326 CUE524323:CUE524326 DEA524323:DEA524326 DNW524323:DNW524326 DXS524323:DXS524326 EHO524323:EHO524326 ERK524323:ERK524326 FBG524323:FBG524326 FLC524323:FLC524326 FUY524323:FUY524326 GEU524323:GEU524326 GOQ524323:GOQ524326 GYM524323:GYM524326 HII524323:HII524326 HSE524323:HSE524326 ICA524323:ICA524326 ILW524323:ILW524326 IVS524323:IVS524326 JFO524323:JFO524326 JPK524323:JPK524326 JZG524323:JZG524326 KJC524323:KJC524326 KSY524323:KSY524326 LCU524323:LCU524326 LMQ524323:LMQ524326 LWM524323:LWM524326 MGI524323:MGI524326 MQE524323:MQE524326 NAA524323:NAA524326 NJW524323:NJW524326 NTS524323:NTS524326 ODO524323:ODO524326 ONK524323:ONK524326 OXG524323:OXG524326 PHC524323:PHC524326 PQY524323:PQY524326 QAU524323:QAU524326 QKQ524323:QKQ524326 QUM524323:QUM524326 REI524323:REI524326 ROE524323:ROE524326 RYA524323:RYA524326 SHW524323:SHW524326 SRS524323:SRS524326 TBO524323:TBO524326 TLK524323:TLK524326 TVG524323:TVG524326 UFC524323:UFC524326 UOY524323:UOY524326 UYU524323:UYU524326 VIQ524323:VIQ524326 VSM524323:VSM524326 WCI524323:WCI524326 WME524323:WME524326 WWA524323:WWA524326 S589859:S589862 JO589859:JO589862 TK589859:TK589862 ADG589859:ADG589862 ANC589859:ANC589862 AWY589859:AWY589862 BGU589859:BGU589862 BQQ589859:BQQ589862 CAM589859:CAM589862 CKI589859:CKI589862 CUE589859:CUE589862 DEA589859:DEA589862 DNW589859:DNW589862 DXS589859:DXS589862 EHO589859:EHO589862 ERK589859:ERK589862 FBG589859:FBG589862 FLC589859:FLC589862 FUY589859:FUY589862 GEU589859:GEU589862 GOQ589859:GOQ589862 GYM589859:GYM589862 HII589859:HII589862 HSE589859:HSE589862 ICA589859:ICA589862 ILW589859:ILW589862 IVS589859:IVS589862 JFO589859:JFO589862 JPK589859:JPK589862 JZG589859:JZG589862 KJC589859:KJC589862 KSY589859:KSY589862 LCU589859:LCU589862 LMQ589859:LMQ589862 LWM589859:LWM589862 MGI589859:MGI589862 MQE589859:MQE589862 NAA589859:NAA589862 NJW589859:NJW589862 NTS589859:NTS589862 ODO589859:ODO589862 ONK589859:ONK589862 OXG589859:OXG589862 PHC589859:PHC589862 PQY589859:PQY589862 QAU589859:QAU589862 QKQ589859:QKQ589862 QUM589859:QUM589862 REI589859:REI589862 ROE589859:ROE589862 RYA589859:RYA589862 SHW589859:SHW589862 SRS589859:SRS589862 TBO589859:TBO589862 TLK589859:TLK589862 TVG589859:TVG589862 UFC589859:UFC589862 UOY589859:UOY589862 UYU589859:UYU589862 VIQ589859:VIQ589862 VSM589859:VSM589862 WCI589859:WCI589862 WME589859:WME589862 WWA589859:WWA589862 S655395:S655398 JO655395:JO655398 TK655395:TK655398 ADG655395:ADG655398 ANC655395:ANC655398 AWY655395:AWY655398 BGU655395:BGU655398 BQQ655395:BQQ655398 CAM655395:CAM655398 CKI655395:CKI655398 CUE655395:CUE655398 DEA655395:DEA655398 DNW655395:DNW655398 DXS655395:DXS655398 EHO655395:EHO655398 ERK655395:ERK655398 FBG655395:FBG655398 FLC655395:FLC655398 FUY655395:FUY655398 GEU655395:GEU655398 GOQ655395:GOQ655398 GYM655395:GYM655398 HII655395:HII655398 HSE655395:HSE655398 ICA655395:ICA655398 ILW655395:ILW655398 IVS655395:IVS655398 JFO655395:JFO655398 JPK655395:JPK655398 JZG655395:JZG655398 KJC655395:KJC655398 KSY655395:KSY655398 LCU655395:LCU655398 LMQ655395:LMQ655398 LWM655395:LWM655398 MGI655395:MGI655398 MQE655395:MQE655398 NAA655395:NAA655398 NJW655395:NJW655398 NTS655395:NTS655398 ODO655395:ODO655398 ONK655395:ONK655398 OXG655395:OXG655398 PHC655395:PHC655398 PQY655395:PQY655398 QAU655395:QAU655398 QKQ655395:QKQ655398 QUM655395:QUM655398 REI655395:REI655398 ROE655395:ROE655398 RYA655395:RYA655398 SHW655395:SHW655398 SRS655395:SRS655398 TBO655395:TBO655398 TLK655395:TLK655398 TVG655395:TVG655398 UFC655395:UFC655398 UOY655395:UOY655398 UYU655395:UYU655398 VIQ655395:VIQ655398 VSM655395:VSM655398 WCI655395:WCI655398 WME655395:WME655398 WWA655395:WWA655398 S720931:S720934 JO720931:JO720934 TK720931:TK720934 ADG720931:ADG720934 ANC720931:ANC720934 AWY720931:AWY720934 BGU720931:BGU720934 BQQ720931:BQQ720934 CAM720931:CAM720934 CKI720931:CKI720934 CUE720931:CUE720934 DEA720931:DEA720934 DNW720931:DNW720934 DXS720931:DXS720934 EHO720931:EHO720934 ERK720931:ERK720934 FBG720931:FBG720934 FLC720931:FLC720934 FUY720931:FUY720934 GEU720931:GEU720934 GOQ720931:GOQ720934 GYM720931:GYM720934 HII720931:HII720934 HSE720931:HSE720934 ICA720931:ICA720934 ILW720931:ILW720934 IVS720931:IVS720934 JFO720931:JFO720934 JPK720931:JPK720934 JZG720931:JZG720934 KJC720931:KJC720934 KSY720931:KSY720934 LCU720931:LCU720934 LMQ720931:LMQ720934 LWM720931:LWM720934 MGI720931:MGI720934 MQE720931:MQE720934 NAA720931:NAA720934 NJW720931:NJW720934 NTS720931:NTS720934 ODO720931:ODO720934 ONK720931:ONK720934 OXG720931:OXG720934 PHC720931:PHC720934 PQY720931:PQY720934 QAU720931:QAU720934 QKQ720931:QKQ720934 QUM720931:QUM720934 REI720931:REI720934 ROE720931:ROE720934 RYA720931:RYA720934 SHW720931:SHW720934 SRS720931:SRS720934 TBO720931:TBO720934 TLK720931:TLK720934 TVG720931:TVG720934 UFC720931:UFC720934 UOY720931:UOY720934 UYU720931:UYU720934 VIQ720931:VIQ720934 VSM720931:VSM720934 WCI720931:WCI720934 WME720931:WME720934 WWA720931:WWA720934 S786467:S786470 JO786467:JO786470 TK786467:TK786470 ADG786467:ADG786470 ANC786467:ANC786470 AWY786467:AWY786470 BGU786467:BGU786470 BQQ786467:BQQ786470 CAM786467:CAM786470 CKI786467:CKI786470 CUE786467:CUE786470 DEA786467:DEA786470 DNW786467:DNW786470 DXS786467:DXS786470 EHO786467:EHO786470 ERK786467:ERK786470 FBG786467:FBG786470 FLC786467:FLC786470 FUY786467:FUY786470 GEU786467:GEU786470 GOQ786467:GOQ786470 GYM786467:GYM786470 HII786467:HII786470 HSE786467:HSE786470 ICA786467:ICA786470 ILW786467:ILW786470 IVS786467:IVS786470 JFO786467:JFO786470 JPK786467:JPK786470 JZG786467:JZG786470 KJC786467:KJC786470 KSY786467:KSY786470 LCU786467:LCU786470 LMQ786467:LMQ786470 LWM786467:LWM786470 MGI786467:MGI786470 MQE786467:MQE786470 NAA786467:NAA786470 NJW786467:NJW786470 NTS786467:NTS786470 ODO786467:ODO786470 ONK786467:ONK786470 OXG786467:OXG786470 PHC786467:PHC786470 PQY786467:PQY786470 QAU786467:QAU786470 QKQ786467:QKQ786470 QUM786467:QUM786470 REI786467:REI786470 ROE786467:ROE786470 RYA786467:RYA786470 SHW786467:SHW786470 SRS786467:SRS786470 TBO786467:TBO786470 TLK786467:TLK786470 TVG786467:TVG786470 UFC786467:UFC786470 UOY786467:UOY786470 UYU786467:UYU786470 VIQ786467:VIQ786470 VSM786467:VSM786470 WCI786467:WCI786470 WME786467:WME786470 WWA786467:WWA786470 S852003:S852006 JO852003:JO852006 TK852003:TK852006 ADG852003:ADG852006 ANC852003:ANC852006 AWY852003:AWY852006 BGU852003:BGU852006 BQQ852003:BQQ852006 CAM852003:CAM852006 CKI852003:CKI852006 CUE852003:CUE852006 DEA852003:DEA852006 DNW852003:DNW852006 DXS852003:DXS852006 EHO852003:EHO852006 ERK852003:ERK852006 FBG852003:FBG852006 FLC852003:FLC852006 FUY852003:FUY852006 GEU852003:GEU852006 GOQ852003:GOQ852006 GYM852003:GYM852006 HII852003:HII852006 HSE852003:HSE852006 ICA852003:ICA852006 ILW852003:ILW852006 IVS852003:IVS852006 JFO852003:JFO852006 JPK852003:JPK852006 JZG852003:JZG852006 KJC852003:KJC852006 KSY852003:KSY852006 LCU852003:LCU852006 LMQ852003:LMQ852006 LWM852003:LWM852006 MGI852003:MGI852006 MQE852003:MQE852006 NAA852003:NAA852006 NJW852003:NJW852006 NTS852003:NTS852006 ODO852003:ODO852006 ONK852003:ONK852006 OXG852003:OXG852006 PHC852003:PHC852006 PQY852003:PQY852006 QAU852003:QAU852006 QKQ852003:QKQ852006 QUM852003:QUM852006 REI852003:REI852006 ROE852003:ROE852006 RYA852003:RYA852006 SHW852003:SHW852006 SRS852003:SRS852006 TBO852003:TBO852006 TLK852003:TLK852006 TVG852003:TVG852006 UFC852003:UFC852006 UOY852003:UOY852006 UYU852003:UYU852006 VIQ852003:VIQ852006 VSM852003:VSM852006 WCI852003:WCI852006 WME852003:WME852006 WWA852003:WWA852006 S917539:S917542 JO917539:JO917542 TK917539:TK917542 ADG917539:ADG917542 ANC917539:ANC917542 AWY917539:AWY917542 BGU917539:BGU917542 BQQ917539:BQQ917542 CAM917539:CAM917542 CKI917539:CKI917542 CUE917539:CUE917542 DEA917539:DEA917542 DNW917539:DNW917542 DXS917539:DXS917542 EHO917539:EHO917542 ERK917539:ERK917542 FBG917539:FBG917542 FLC917539:FLC917542 FUY917539:FUY917542 GEU917539:GEU917542 GOQ917539:GOQ917542 GYM917539:GYM917542 HII917539:HII917542 HSE917539:HSE917542 ICA917539:ICA917542 ILW917539:ILW917542 IVS917539:IVS917542 JFO917539:JFO917542 JPK917539:JPK917542 JZG917539:JZG917542 KJC917539:KJC917542 KSY917539:KSY917542 LCU917539:LCU917542 LMQ917539:LMQ917542 LWM917539:LWM917542 MGI917539:MGI917542 MQE917539:MQE917542 NAA917539:NAA917542 NJW917539:NJW917542 NTS917539:NTS917542 ODO917539:ODO917542 ONK917539:ONK917542 OXG917539:OXG917542 PHC917539:PHC917542 PQY917539:PQY917542 QAU917539:QAU917542 QKQ917539:QKQ917542 QUM917539:QUM917542 REI917539:REI917542 ROE917539:ROE917542 RYA917539:RYA917542 SHW917539:SHW917542 SRS917539:SRS917542 TBO917539:TBO917542 TLK917539:TLK917542 TVG917539:TVG917542 UFC917539:UFC917542 UOY917539:UOY917542 UYU917539:UYU917542 VIQ917539:VIQ917542 VSM917539:VSM917542 WCI917539:WCI917542 WME917539:WME917542 WWA917539:WWA917542 S983075:S983078 JO983075:JO983078 TK983075:TK983078 ADG983075:ADG983078 ANC983075:ANC983078 AWY983075:AWY983078 BGU983075:BGU983078 BQQ983075:BQQ983078 CAM983075:CAM983078 CKI983075:CKI983078 CUE983075:CUE983078 DEA983075:DEA983078 DNW983075:DNW983078 DXS983075:DXS983078 EHO983075:EHO983078 ERK983075:ERK983078 FBG983075:FBG983078 FLC983075:FLC983078 FUY983075:FUY983078 GEU983075:GEU983078 GOQ983075:GOQ983078 GYM983075:GYM983078 HII983075:HII983078 HSE983075:HSE983078 ICA983075:ICA983078 ILW983075:ILW983078 IVS983075:IVS983078 JFO983075:JFO983078 JPK983075:JPK983078 JZG983075:JZG983078 KJC983075:KJC983078 KSY983075:KSY983078 LCU983075:LCU983078 LMQ983075:LMQ983078 LWM983075:LWM983078 MGI983075:MGI983078 MQE983075:MQE983078 NAA983075:NAA983078 NJW983075:NJW983078 NTS983075:NTS983078 ODO983075:ODO983078 ONK983075:ONK983078 OXG983075:OXG983078 PHC983075:PHC983078 PQY983075:PQY983078 QAU983075:QAU983078 QKQ983075:QKQ983078 QUM983075:QUM983078 REI983075:REI983078 ROE983075:ROE983078 RYA983075:RYA983078 SHW983075:SHW983078 SRS983075:SRS983078 TBO983075:TBO983078 TLK983075:TLK983078 TVG983075:TVG983078 UFC983075:UFC983078 UOY983075:UOY983078 UYU983075:UYU983078 VIQ983075:VIQ983078 VSM983075:VSM983078 WCI983075:WCI983078 WME983075:WME983078 WWA983075:WWA983078 T35:U35 JP35:JQ35 TL35:TM35 ADH35:ADI35 AND35:ANE35 AWZ35:AXA35 BGV35:BGW35 BQR35:BQS35 CAN35:CAO35 CKJ35:CKK35 CUF35:CUG35 DEB35:DEC35 DNX35:DNY35 DXT35:DXU35 EHP35:EHQ35 ERL35:ERM35 FBH35:FBI35 FLD35:FLE35 FUZ35:FVA35 GEV35:GEW35 GOR35:GOS35 GYN35:GYO35 HIJ35:HIK35 HSF35:HSG35 ICB35:ICC35 ILX35:ILY35 IVT35:IVU35 JFP35:JFQ35 JPL35:JPM35 JZH35:JZI35 KJD35:KJE35 KSZ35:KTA35 LCV35:LCW35 LMR35:LMS35 LWN35:LWO35 MGJ35:MGK35 MQF35:MQG35 NAB35:NAC35 NJX35:NJY35 NTT35:NTU35 ODP35:ODQ35 ONL35:ONM35 OXH35:OXI35 PHD35:PHE35 PQZ35:PRA35 QAV35:QAW35 QKR35:QKS35 QUN35:QUO35 REJ35:REK35 ROF35:ROG35 RYB35:RYC35 SHX35:SHY35 SRT35:SRU35 TBP35:TBQ35 TLL35:TLM35 TVH35:TVI35 UFD35:UFE35 UOZ35:UPA35 UYV35:UYW35 VIR35:VIS35 VSN35:VSO35 WCJ35:WCK35 WMF35:WMG35 WWB35:WWC35 T65571:U65571 JP65571:JQ65571 TL65571:TM65571 ADH65571:ADI65571 AND65571:ANE65571 AWZ65571:AXA65571 BGV65571:BGW65571 BQR65571:BQS65571 CAN65571:CAO65571 CKJ65571:CKK65571 CUF65571:CUG65571 DEB65571:DEC65571 DNX65571:DNY65571 DXT65571:DXU65571 EHP65571:EHQ65571 ERL65571:ERM65571 FBH65571:FBI65571 FLD65571:FLE65571 FUZ65571:FVA65571 GEV65571:GEW65571 GOR65571:GOS65571 GYN65571:GYO65571 HIJ65571:HIK65571 HSF65571:HSG65571 ICB65571:ICC65571 ILX65571:ILY65571 IVT65571:IVU65571 JFP65571:JFQ65571 JPL65571:JPM65571 JZH65571:JZI65571 KJD65571:KJE65571 KSZ65571:KTA65571 LCV65571:LCW65571 LMR65571:LMS65571 LWN65571:LWO65571 MGJ65571:MGK65571 MQF65571:MQG65571 NAB65571:NAC65571 NJX65571:NJY65571 NTT65571:NTU65571 ODP65571:ODQ65571 ONL65571:ONM65571 OXH65571:OXI65571 PHD65571:PHE65571 PQZ65571:PRA65571 QAV65571:QAW65571 QKR65571:QKS65571 QUN65571:QUO65571 REJ65571:REK65571 ROF65571:ROG65571 RYB65571:RYC65571 SHX65571:SHY65571 SRT65571:SRU65571 TBP65571:TBQ65571 TLL65571:TLM65571 TVH65571:TVI65571 UFD65571:UFE65571 UOZ65571:UPA65571 UYV65571:UYW65571 VIR65571:VIS65571 VSN65571:VSO65571 WCJ65571:WCK65571 WMF65571:WMG65571 WWB65571:WWC65571 T131107:U131107 JP131107:JQ131107 TL131107:TM131107 ADH131107:ADI131107 AND131107:ANE131107 AWZ131107:AXA131107 BGV131107:BGW131107 BQR131107:BQS131107 CAN131107:CAO131107 CKJ131107:CKK131107 CUF131107:CUG131107 DEB131107:DEC131107 DNX131107:DNY131107 DXT131107:DXU131107 EHP131107:EHQ131107 ERL131107:ERM131107 FBH131107:FBI131107 FLD131107:FLE131107 FUZ131107:FVA131107 GEV131107:GEW131107 GOR131107:GOS131107 GYN131107:GYO131107 HIJ131107:HIK131107 HSF131107:HSG131107 ICB131107:ICC131107 ILX131107:ILY131107 IVT131107:IVU131107 JFP131107:JFQ131107 JPL131107:JPM131107 JZH131107:JZI131107 KJD131107:KJE131107 KSZ131107:KTA131107 LCV131107:LCW131107 LMR131107:LMS131107 LWN131107:LWO131107 MGJ131107:MGK131107 MQF131107:MQG131107 NAB131107:NAC131107 NJX131107:NJY131107 NTT131107:NTU131107 ODP131107:ODQ131107 ONL131107:ONM131107 OXH131107:OXI131107 PHD131107:PHE131107 PQZ131107:PRA131107 QAV131107:QAW131107 QKR131107:QKS131107 QUN131107:QUO131107 REJ131107:REK131107 ROF131107:ROG131107 RYB131107:RYC131107 SHX131107:SHY131107 SRT131107:SRU131107 TBP131107:TBQ131107 TLL131107:TLM131107 TVH131107:TVI131107 UFD131107:UFE131107 UOZ131107:UPA131107 UYV131107:UYW131107 VIR131107:VIS131107 VSN131107:VSO131107 WCJ131107:WCK131107 WMF131107:WMG131107 WWB131107:WWC131107 T196643:U196643 JP196643:JQ196643 TL196643:TM196643 ADH196643:ADI196643 AND196643:ANE196643 AWZ196643:AXA196643 BGV196643:BGW196643 BQR196643:BQS196643 CAN196643:CAO196643 CKJ196643:CKK196643 CUF196643:CUG196643 DEB196643:DEC196643 DNX196643:DNY196643 DXT196643:DXU196643 EHP196643:EHQ196643 ERL196643:ERM196643 FBH196643:FBI196643 FLD196643:FLE196643 FUZ196643:FVA196643 GEV196643:GEW196643 GOR196643:GOS196643 GYN196643:GYO196643 HIJ196643:HIK196643 HSF196643:HSG196643 ICB196643:ICC196643 ILX196643:ILY196643 IVT196643:IVU196643 JFP196643:JFQ196643 JPL196643:JPM196643 JZH196643:JZI196643 KJD196643:KJE196643 KSZ196643:KTA196643 LCV196643:LCW196643 LMR196643:LMS196643 LWN196643:LWO196643 MGJ196643:MGK196643 MQF196643:MQG196643 NAB196643:NAC196643 NJX196643:NJY196643 NTT196643:NTU196643 ODP196643:ODQ196643 ONL196643:ONM196643 OXH196643:OXI196643 PHD196643:PHE196643 PQZ196643:PRA196643 QAV196643:QAW196643 QKR196643:QKS196643 QUN196643:QUO196643 REJ196643:REK196643 ROF196643:ROG196643 RYB196643:RYC196643 SHX196643:SHY196643 SRT196643:SRU196643 TBP196643:TBQ196643 TLL196643:TLM196643 TVH196643:TVI196643 UFD196643:UFE196643 UOZ196643:UPA196643 UYV196643:UYW196643 VIR196643:VIS196643 VSN196643:VSO196643 WCJ196643:WCK196643 WMF196643:WMG196643 WWB196643:WWC196643 T262179:U262179 JP262179:JQ262179 TL262179:TM262179 ADH262179:ADI262179 AND262179:ANE262179 AWZ262179:AXA262179 BGV262179:BGW262179 BQR262179:BQS262179 CAN262179:CAO262179 CKJ262179:CKK262179 CUF262179:CUG262179 DEB262179:DEC262179 DNX262179:DNY262179 DXT262179:DXU262179 EHP262179:EHQ262179 ERL262179:ERM262179 FBH262179:FBI262179 FLD262179:FLE262179 FUZ262179:FVA262179 GEV262179:GEW262179 GOR262179:GOS262179 GYN262179:GYO262179 HIJ262179:HIK262179 HSF262179:HSG262179 ICB262179:ICC262179 ILX262179:ILY262179 IVT262179:IVU262179 JFP262179:JFQ262179 JPL262179:JPM262179 JZH262179:JZI262179 KJD262179:KJE262179 KSZ262179:KTA262179 LCV262179:LCW262179 LMR262179:LMS262179 LWN262179:LWO262179 MGJ262179:MGK262179 MQF262179:MQG262179 NAB262179:NAC262179 NJX262179:NJY262179 NTT262179:NTU262179 ODP262179:ODQ262179 ONL262179:ONM262179 OXH262179:OXI262179 PHD262179:PHE262179 PQZ262179:PRA262179 QAV262179:QAW262179 QKR262179:QKS262179 QUN262179:QUO262179 REJ262179:REK262179 ROF262179:ROG262179 RYB262179:RYC262179 SHX262179:SHY262179 SRT262179:SRU262179 TBP262179:TBQ262179 TLL262179:TLM262179 TVH262179:TVI262179 UFD262179:UFE262179 UOZ262179:UPA262179 UYV262179:UYW262179 VIR262179:VIS262179 VSN262179:VSO262179 WCJ262179:WCK262179 WMF262179:WMG262179 WWB262179:WWC262179 T327715:U327715 JP327715:JQ327715 TL327715:TM327715 ADH327715:ADI327715 AND327715:ANE327715 AWZ327715:AXA327715 BGV327715:BGW327715 BQR327715:BQS327715 CAN327715:CAO327715 CKJ327715:CKK327715 CUF327715:CUG327715 DEB327715:DEC327715 DNX327715:DNY327715 DXT327715:DXU327715 EHP327715:EHQ327715 ERL327715:ERM327715 FBH327715:FBI327715 FLD327715:FLE327715 FUZ327715:FVA327715 GEV327715:GEW327715 GOR327715:GOS327715 GYN327715:GYO327715 HIJ327715:HIK327715 HSF327715:HSG327715 ICB327715:ICC327715 ILX327715:ILY327715 IVT327715:IVU327715 JFP327715:JFQ327715 JPL327715:JPM327715 JZH327715:JZI327715 KJD327715:KJE327715 KSZ327715:KTA327715 LCV327715:LCW327715 LMR327715:LMS327715 LWN327715:LWO327715 MGJ327715:MGK327715 MQF327715:MQG327715 NAB327715:NAC327715 NJX327715:NJY327715 NTT327715:NTU327715 ODP327715:ODQ327715 ONL327715:ONM327715 OXH327715:OXI327715 PHD327715:PHE327715 PQZ327715:PRA327715 QAV327715:QAW327715 QKR327715:QKS327715 QUN327715:QUO327715 REJ327715:REK327715 ROF327715:ROG327715 RYB327715:RYC327715 SHX327715:SHY327715 SRT327715:SRU327715 TBP327715:TBQ327715 TLL327715:TLM327715 TVH327715:TVI327715 UFD327715:UFE327715 UOZ327715:UPA327715 UYV327715:UYW327715 VIR327715:VIS327715 VSN327715:VSO327715 WCJ327715:WCK327715 WMF327715:WMG327715 WWB327715:WWC327715 T393251:U393251 JP393251:JQ393251 TL393251:TM393251 ADH393251:ADI393251 AND393251:ANE393251 AWZ393251:AXA393251 BGV393251:BGW393251 BQR393251:BQS393251 CAN393251:CAO393251 CKJ393251:CKK393251 CUF393251:CUG393251 DEB393251:DEC393251 DNX393251:DNY393251 DXT393251:DXU393251 EHP393251:EHQ393251 ERL393251:ERM393251 FBH393251:FBI393251 FLD393251:FLE393251 FUZ393251:FVA393251 GEV393251:GEW393251 GOR393251:GOS393251 GYN393251:GYO393251 HIJ393251:HIK393251 HSF393251:HSG393251 ICB393251:ICC393251 ILX393251:ILY393251 IVT393251:IVU393251 JFP393251:JFQ393251 JPL393251:JPM393251 JZH393251:JZI393251 KJD393251:KJE393251 KSZ393251:KTA393251 LCV393251:LCW393251 LMR393251:LMS393251 LWN393251:LWO393251 MGJ393251:MGK393251 MQF393251:MQG393251 NAB393251:NAC393251 NJX393251:NJY393251 NTT393251:NTU393251 ODP393251:ODQ393251 ONL393251:ONM393251 OXH393251:OXI393251 PHD393251:PHE393251 PQZ393251:PRA393251 QAV393251:QAW393251 QKR393251:QKS393251 QUN393251:QUO393251 REJ393251:REK393251 ROF393251:ROG393251 RYB393251:RYC393251 SHX393251:SHY393251 SRT393251:SRU393251 TBP393251:TBQ393251 TLL393251:TLM393251 TVH393251:TVI393251 UFD393251:UFE393251 UOZ393251:UPA393251 UYV393251:UYW393251 VIR393251:VIS393251 VSN393251:VSO393251 WCJ393251:WCK393251 WMF393251:WMG393251 WWB393251:WWC393251 T458787:U458787 JP458787:JQ458787 TL458787:TM458787 ADH458787:ADI458787 AND458787:ANE458787 AWZ458787:AXA458787 BGV458787:BGW458787 BQR458787:BQS458787 CAN458787:CAO458787 CKJ458787:CKK458787 CUF458787:CUG458787 DEB458787:DEC458787 DNX458787:DNY458787 DXT458787:DXU458787 EHP458787:EHQ458787 ERL458787:ERM458787 FBH458787:FBI458787 FLD458787:FLE458787 FUZ458787:FVA458787 GEV458787:GEW458787 GOR458787:GOS458787 GYN458787:GYO458787 HIJ458787:HIK458787 HSF458787:HSG458787 ICB458787:ICC458787 ILX458787:ILY458787 IVT458787:IVU458787 JFP458787:JFQ458787 JPL458787:JPM458787 JZH458787:JZI458787 KJD458787:KJE458787 KSZ458787:KTA458787 LCV458787:LCW458787 LMR458787:LMS458787 LWN458787:LWO458787 MGJ458787:MGK458787 MQF458787:MQG458787 NAB458787:NAC458787 NJX458787:NJY458787 NTT458787:NTU458787 ODP458787:ODQ458787 ONL458787:ONM458787 OXH458787:OXI458787 PHD458787:PHE458787 PQZ458787:PRA458787 QAV458787:QAW458787 QKR458787:QKS458787 QUN458787:QUO458787 REJ458787:REK458787 ROF458787:ROG458787 RYB458787:RYC458787 SHX458787:SHY458787 SRT458787:SRU458787 TBP458787:TBQ458787 TLL458787:TLM458787 TVH458787:TVI458787 UFD458787:UFE458787 UOZ458787:UPA458787 UYV458787:UYW458787 VIR458787:VIS458787 VSN458787:VSO458787 WCJ458787:WCK458787 WMF458787:WMG458787 WWB458787:WWC458787 T524323:U524323 JP524323:JQ524323 TL524323:TM524323 ADH524323:ADI524323 AND524323:ANE524323 AWZ524323:AXA524323 BGV524323:BGW524323 BQR524323:BQS524323 CAN524323:CAO524323 CKJ524323:CKK524323 CUF524323:CUG524323 DEB524323:DEC524323 DNX524323:DNY524323 DXT524323:DXU524323 EHP524323:EHQ524323 ERL524323:ERM524323 FBH524323:FBI524323 FLD524323:FLE524323 FUZ524323:FVA524323 GEV524323:GEW524323 GOR524323:GOS524323 GYN524323:GYO524323 HIJ524323:HIK524323 HSF524323:HSG524323 ICB524323:ICC524323 ILX524323:ILY524323 IVT524323:IVU524323 JFP524323:JFQ524323 JPL524323:JPM524323 JZH524323:JZI524323 KJD524323:KJE524323 KSZ524323:KTA524323 LCV524323:LCW524323 LMR524323:LMS524323 LWN524323:LWO524323 MGJ524323:MGK524323 MQF524323:MQG524323 NAB524323:NAC524323 NJX524323:NJY524323 NTT524323:NTU524323 ODP524323:ODQ524323 ONL524323:ONM524323 OXH524323:OXI524323 PHD524323:PHE524323 PQZ524323:PRA524323 QAV524323:QAW524323 QKR524323:QKS524323 QUN524323:QUO524323 REJ524323:REK524323 ROF524323:ROG524323 RYB524323:RYC524323 SHX524323:SHY524323 SRT524323:SRU524323 TBP524323:TBQ524323 TLL524323:TLM524323 TVH524323:TVI524323 UFD524323:UFE524323 UOZ524323:UPA524323 UYV524323:UYW524323 VIR524323:VIS524323 VSN524323:VSO524323 WCJ524323:WCK524323 WMF524323:WMG524323 WWB524323:WWC524323 T589859:U589859 JP589859:JQ589859 TL589859:TM589859 ADH589859:ADI589859 AND589859:ANE589859 AWZ589859:AXA589859 BGV589859:BGW589859 BQR589859:BQS589859 CAN589859:CAO589859 CKJ589859:CKK589859 CUF589859:CUG589859 DEB589859:DEC589859 DNX589859:DNY589859 DXT589859:DXU589859 EHP589859:EHQ589859 ERL589859:ERM589859 FBH589859:FBI589859 FLD589859:FLE589859 FUZ589859:FVA589859 GEV589859:GEW589859 GOR589859:GOS589859 GYN589859:GYO589859 HIJ589859:HIK589859 HSF589859:HSG589859 ICB589859:ICC589859 ILX589859:ILY589859 IVT589859:IVU589859 JFP589859:JFQ589859 JPL589859:JPM589859 JZH589859:JZI589859 KJD589859:KJE589859 KSZ589859:KTA589859 LCV589859:LCW589859 LMR589859:LMS589859 LWN589859:LWO589859 MGJ589859:MGK589859 MQF589859:MQG589859 NAB589859:NAC589859 NJX589859:NJY589859 NTT589859:NTU589859 ODP589859:ODQ589859 ONL589859:ONM589859 OXH589859:OXI589859 PHD589859:PHE589859 PQZ589859:PRA589859 QAV589859:QAW589859 QKR589859:QKS589859 QUN589859:QUO589859 REJ589859:REK589859 ROF589859:ROG589859 RYB589859:RYC589859 SHX589859:SHY589859 SRT589859:SRU589859 TBP589859:TBQ589859 TLL589859:TLM589859 TVH589859:TVI589859 UFD589859:UFE589859 UOZ589859:UPA589859 UYV589859:UYW589859 VIR589859:VIS589859 VSN589859:VSO589859 WCJ589859:WCK589859 WMF589859:WMG589859 WWB589859:WWC589859 T655395:U655395 JP655395:JQ655395 TL655395:TM655395 ADH655395:ADI655395 AND655395:ANE655395 AWZ655395:AXA655395 BGV655395:BGW655395 BQR655395:BQS655395 CAN655395:CAO655395 CKJ655395:CKK655395 CUF655395:CUG655395 DEB655395:DEC655395 DNX655395:DNY655395 DXT655395:DXU655395 EHP655395:EHQ655395 ERL655395:ERM655395 FBH655395:FBI655395 FLD655395:FLE655395 FUZ655395:FVA655395 GEV655395:GEW655395 GOR655395:GOS655395 GYN655395:GYO655395 HIJ655395:HIK655395 HSF655395:HSG655395 ICB655395:ICC655395 ILX655395:ILY655395 IVT655395:IVU655395 JFP655395:JFQ655395 JPL655395:JPM655395 JZH655395:JZI655395 KJD655395:KJE655395 KSZ655395:KTA655395 LCV655395:LCW655395 LMR655395:LMS655395 LWN655395:LWO655395 MGJ655395:MGK655395 MQF655395:MQG655395 NAB655395:NAC655395 NJX655395:NJY655395 NTT655395:NTU655395 ODP655395:ODQ655395 ONL655395:ONM655395 OXH655395:OXI655395 PHD655395:PHE655395 PQZ655395:PRA655395 QAV655395:QAW655395 QKR655395:QKS655395 QUN655395:QUO655395 REJ655395:REK655395 ROF655395:ROG655395 RYB655395:RYC655395 SHX655395:SHY655395 SRT655395:SRU655395 TBP655395:TBQ655395 TLL655395:TLM655395 TVH655395:TVI655395 UFD655395:UFE655395 UOZ655395:UPA655395 UYV655395:UYW655395 VIR655395:VIS655395 VSN655395:VSO655395 WCJ655395:WCK655395 WMF655395:WMG655395 WWB655395:WWC655395 T720931:U720931 JP720931:JQ720931 TL720931:TM720931 ADH720931:ADI720931 AND720931:ANE720931 AWZ720931:AXA720931 BGV720931:BGW720931 BQR720931:BQS720931 CAN720931:CAO720931 CKJ720931:CKK720931 CUF720931:CUG720931 DEB720931:DEC720931 DNX720931:DNY720931 DXT720931:DXU720931 EHP720931:EHQ720931 ERL720931:ERM720931 FBH720931:FBI720931 FLD720931:FLE720931 FUZ720931:FVA720931 GEV720931:GEW720931 GOR720931:GOS720931 GYN720931:GYO720931 HIJ720931:HIK720931 HSF720931:HSG720931 ICB720931:ICC720931 ILX720931:ILY720931 IVT720931:IVU720931 JFP720931:JFQ720931 JPL720931:JPM720931 JZH720931:JZI720931 KJD720931:KJE720931 KSZ720931:KTA720931 LCV720931:LCW720931 LMR720931:LMS720931 LWN720931:LWO720931 MGJ720931:MGK720931 MQF720931:MQG720931 NAB720931:NAC720931 NJX720931:NJY720931 NTT720931:NTU720931 ODP720931:ODQ720931 ONL720931:ONM720931 OXH720931:OXI720931 PHD720931:PHE720931 PQZ720931:PRA720931 QAV720931:QAW720931 QKR720931:QKS720931 QUN720931:QUO720931 REJ720931:REK720931 ROF720931:ROG720931 RYB720931:RYC720931 SHX720931:SHY720931 SRT720931:SRU720931 TBP720931:TBQ720931 TLL720931:TLM720931 TVH720931:TVI720931 UFD720931:UFE720931 UOZ720931:UPA720931 UYV720931:UYW720931 VIR720931:VIS720931 VSN720931:VSO720931 WCJ720931:WCK720931 WMF720931:WMG720931 WWB720931:WWC720931 T786467:U786467 JP786467:JQ786467 TL786467:TM786467 ADH786467:ADI786467 AND786467:ANE786467 AWZ786467:AXA786467 BGV786467:BGW786467 BQR786467:BQS786467 CAN786467:CAO786467 CKJ786467:CKK786467 CUF786467:CUG786467 DEB786467:DEC786467 DNX786467:DNY786467 DXT786467:DXU786467 EHP786467:EHQ786467 ERL786467:ERM786467 FBH786467:FBI786467 FLD786467:FLE786467 FUZ786467:FVA786467 GEV786467:GEW786467 GOR786467:GOS786467 GYN786467:GYO786467 HIJ786467:HIK786467 HSF786467:HSG786467 ICB786467:ICC786467 ILX786467:ILY786467 IVT786467:IVU786467 JFP786467:JFQ786467 JPL786467:JPM786467 JZH786467:JZI786467 KJD786467:KJE786467 KSZ786467:KTA786467 LCV786467:LCW786467 LMR786467:LMS786467 LWN786467:LWO786467 MGJ786467:MGK786467 MQF786467:MQG786467 NAB786467:NAC786467 NJX786467:NJY786467 NTT786467:NTU786467 ODP786467:ODQ786467 ONL786467:ONM786467 OXH786467:OXI786467 PHD786467:PHE786467 PQZ786467:PRA786467 QAV786467:QAW786467 QKR786467:QKS786467 QUN786467:QUO786467 REJ786467:REK786467 ROF786467:ROG786467 RYB786467:RYC786467 SHX786467:SHY786467 SRT786467:SRU786467 TBP786467:TBQ786467 TLL786467:TLM786467 TVH786467:TVI786467 UFD786467:UFE786467 UOZ786467:UPA786467 UYV786467:UYW786467 VIR786467:VIS786467 VSN786467:VSO786467 WCJ786467:WCK786467 WMF786467:WMG786467 WWB786467:WWC786467 T852003:U852003 JP852003:JQ852003 TL852003:TM852003 ADH852003:ADI852003 AND852003:ANE852003 AWZ852003:AXA852003 BGV852003:BGW852003 BQR852003:BQS852003 CAN852003:CAO852003 CKJ852003:CKK852003 CUF852003:CUG852003 DEB852003:DEC852003 DNX852003:DNY852003 DXT852003:DXU852003 EHP852003:EHQ852003 ERL852003:ERM852003 FBH852003:FBI852003 FLD852003:FLE852003 FUZ852003:FVA852003 GEV852003:GEW852003 GOR852003:GOS852003 GYN852003:GYO852003 HIJ852003:HIK852003 HSF852003:HSG852003 ICB852003:ICC852003 ILX852003:ILY852003 IVT852003:IVU852003 JFP852003:JFQ852003 JPL852003:JPM852003 JZH852003:JZI852003 KJD852003:KJE852003 KSZ852003:KTA852003 LCV852003:LCW852003 LMR852003:LMS852003 LWN852003:LWO852003 MGJ852003:MGK852003 MQF852003:MQG852003 NAB852003:NAC852003 NJX852003:NJY852003 NTT852003:NTU852003 ODP852003:ODQ852003 ONL852003:ONM852003 OXH852003:OXI852003 PHD852003:PHE852003 PQZ852003:PRA852003 QAV852003:QAW852003 QKR852003:QKS852003 QUN852003:QUO852003 REJ852003:REK852003 ROF852003:ROG852003 RYB852003:RYC852003 SHX852003:SHY852003 SRT852003:SRU852003 TBP852003:TBQ852003 TLL852003:TLM852003 TVH852003:TVI852003 UFD852003:UFE852003 UOZ852003:UPA852003 UYV852003:UYW852003 VIR852003:VIS852003 VSN852003:VSO852003 WCJ852003:WCK852003 WMF852003:WMG852003 WWB852003:WWC852003 T917539:U917539 JP917539:JQ917539 TL917539:TM917539 ADH917539:ADI917539 AND917539:ANE917539 AWZ917539:AXA917539 BGV917539:BGW917539 BQR917539:BQS917539 CAN917539:CAO917539 CKJ917539:CKK917539 CUF917539:CUG917539 DEB917539:DEC917539 DNX917539:DNY917539 DXT917539:DXU917539 EHP917539:EHQ917539 ERL917539:ERM917539 FBH917539:FBI917539 FLD917539:FLE917539 FUZ917539:FVA917539 GEV917539:GEW917539 GOR917539:GOS917539 GYN917539:GYO917539 HIJ917539:HIK917539 HSF917539:HSG917539 ICB917539:ICC917539 ILX917539:ILY917539 IVT917539:IVU917539 JFP917539:JFQ917539 JPL917539:JPM917539 JZH917539:JZI917539 KJD917539:KJE917539 KSZ917539:KTA917539 LCV917539:LCW917539 LMR917539:LMS917539 LWN917539:LWO917539 MGJ917539:MGK917539 MQF917539:MQG917539 NAB917539:NAC917539 NJX917539:NJY917539 NTT917539:NTU917539 ODP917539:ODQ917539 ONL917539:ONM917539 OXH917539:OXI917539 PHD917539:PHE917539 PQZ917539:PRA917539 QAV917539:QAW917539 QKR917539:QKS917539 QUN917539:QUO917539 REJ917539:REK917539 ROF917539:ROG917539 RYB917539:RYC917539 SHX917539:SHY917539 SRT917539:SRU917539 TBP917539:TBQ917539 TLL917539:TLM917539 TVH917539:TVI917539 UFD917539:UFE917539 UOZ917539:UPA917539 UYV917539:UYW917539 VIR917539:VIS917539 VSN917539:VSO917539 WCJ917539:WCK917539 WMF917539:WMG917539 WWB917539:WWC917539 T983075:U983075 JP983075:JQ983075 TL983075:TM983075 ADH983075:ADI983075 AND983075:ANE983075 AWZ983075:AXA983075 BGV983075:BGW983075 BQR983075:BQS983075 CAN983075:CAO983075 CKJ983075:CKK983075 CUF983075:CUG983075 DEB983075:DEC983075 DNX983075:DNY983075 DXT983075:DXU983075 EHP983075:EHQ983075 ERL983075:ERM983075 FBH983075:FBI983075 FLD983075:FLE983075 FUZ983075:FVA983075 GEV983075:GEW983075 GOR983075:GOS983075 GYN983075:GYO983075 HIJ983075:HIK983075 HSF983075:HSG983075 ICB983075:ICC983075 ILX983075:ILY983075 IVT983075:IVU983075 JFP983075:JFQ983075 JPL983075:JPM983075 JZH983075:JZI983075 KJD983075:KJE983075 KSZ983075:KTA983075 LCV983075:LCW983075 LMR983075:LMS983075 LWN983075:LWO983075 MGJ983075:MGK983075 MQF983075:MQG983075 NAB983075:NAC983075 NJX983075:NJY983075 NTT983075:NTU983075 ODP983075:ODQ983075 ONL983075:ONM983075 OXH983075:OXI983075 PHD983075:PHE983075 PQZ983075:PRA983075 QAV983075:QAW983075 QKR983075:QKS983075 QUN983075:QUO983075 REJ983075:REK983075 ROF983075:ROG983075 RYB983075:RYC983075 SHX983075:SHY983075 SRT983075:SRU983075 TBP983075:TBQ983075 TLL983075:TLM983075 TVH983075:TVI983075 UFD983075:UFE983075 UOZ983075:UPA983075 UYV983075:UYW983075 VIR983075:VIS983075 VSN983075:VSO983075 WCJ983075:WCK983075 WMF983075:WMG983075 WWB983075:WWC983075 U36 JQ36 TM36 ADI36 ANE36 AXA36 BGW36 BQS36 CAO36 CKK36 CUG36 DEC36 DNY36 DXU36 EHQ36 ERM36 FBI36 FLE36 FVA36 GEW36 GOS36 GYO36 HIK36 HSG36 ICC36 ILY36 IVU36 JFQ36 JPM36 JZI36 KJE36 KTA36 LCW36 LMS36 LWO36 MGK36 MQG36 NAC36 NJY36 NTU36 ODQ36 ONM36 OXI36 PHE36 PRA36 QAW36 QKS36 QUO36 REK36 ROG36 RYC36 SHY36 SRU36 TBQ36 TLM36 TVI36 UFE36 UPA36 UYW36 VIS36 VSO36 WCK36 WMG36 WWC36 U65572 JQ65572 TM65572 ADI65572 ANE65572 AXA65572 BGW65572 BQS65572 CAO65572 CKK65572 CUG65572 DEC65572 DNY65572 DXU65572 EHQ65572 ERM65572 FBI65572 FLE65572 FVA65572 GEW65572 GOS65572 GYO65572 HIK65572 HSG65572 ICC65572 ILY65572 IVU65572 JFQ65572 JPM65572 JZI65572 KJE65572 KTA65572 LCW65572 LMS65572 LWO65572 MGK65572 MQG65572 NAC65572 NJY65572 NTU65572 ODQ65572 ONM65572 OXI65572 PHE65572 PRA65572 QAW65572 QKS65572 QUO65572 REK65572 ROG65572 RYC65572 SHY65572 SRU65572 TBQ65572 TLM65572 TVI65572 UFE65572 UPA65572 UYW65572 VIS65572 VSO65572 WCK65572 WMG65572 WWC65572 U131108 JQ131108 TM131108 ADI131108 ANE131108 AXA131108 BGW131108 BQS131108 CAO131108 CKK131108 CUG131108 DEC131108 DNY131108 DXU131108 EHQ131108 ERM131108 FBI131108 FLE131108 FVA131108 GEW131108 GOS131108 GYO131108 HIK131108 HSG131108 ICC131108 ILY131108 IVU131108 JFQ131108 JPM131108 JZI131108 KJE131108 KTA131108 LCW131108 LMS131108 LWO131108 MGK131108 MQG131108 NAC131108 NJY131108 NTU131108 ODQ131108 ONM131108 OXI131108 PHE131108 PRA131108 QAW131108 QKS131108 QUO131108 REK131108 ROG131108 RYC131108 SHY131108 SRU131108 TBQ131108 TLM131108 TVI131108 UFE131108 UPA131108 UYW131108 VIS131108 VSO131108 WCK131108 WMG131108 WWC131108 U196644 JQ196644 TM196644 ADI196644 ANE196644 AXA196644 BGW196644 BQS196644 CAO196644 CKK196644 CUG196644 DEC196644 DNY196644 DXU196644 EHQ196644 ERM196644 FBI196644 FLE196644 FVA196644 GEW196644 GOS196644 GYO196644 HIK196644 HSG196644 ICC196644 ILY196644 IVU196644 JFQ196644 JPM196644 JZI196644 KJE196644 KTA196644 LCW196644 LMS196644 LWO196644 MGK196644 MQG196644 NAC196644 NJY196644 NTU196644 ODQ196644 ONM196644 OXI196644 PHE196644 PRA196644 QAW196644 QKS196644 QUO196644 REK196644 ROG196644 RYC196644 SHY196644 SRU196644 TBQ196644 TLM196644 TVI196644 UFE196644 UPA196644 UYW196644 VIS196644 VSO196644 WCK196644 WMG196644 WWC196644 U262180 JQ262180 TM262180 ADI262180 ANE262180 AXA262180 BGW262180 BQS262180 CAO262180 CKK262180 CUG262180 DEC262180 DNY262180 DXU262180 EHQ262180 ERM262180 FBI262180 FLE262180 FVA262180 GEW262180 GOS262180 GYO262180 HIK262180 HSG262180 ICC262180 ILY262180 IVU262180 JFQ262180 JPM262180 JZI262180 KJE262180 KTA262180 LCW262180 LMS262180 LWO262180 MGK262180 MQG262180 NAC262180 NJY262180 NTU262180 ODQ262180 ONM262180 OXI262180 PHE262180 PRA262180 QAW262180 QKS262180 QUO262180 REK262180 ROG262180 RYC262180 SHY262180 SRU262180 TBQ262180 TLM262180 TVI262180 UFE262180 UPA262180 UYW262180 VIS262180 VSO262180 WCK262180 WMG262180 WWC262180 U327716 JQ327716 TM327716 ADI327716 ANE327716 AXA327716 BGW327716 BQS327716 CAO327716 CKK327716 CUG327716 DEC327716 DNY327716 DXU327716 EHQ327716 ERM327716 FBI327716 FLE327716 FVA327716 GEW327716 GOS327716 GYO327716 HIK327716 HSG327716 ICC327716 ILY327716 IVU327716 JFQ327716 JPM327716 JZI327716 KJE327716 KTA327716 LCW327716 LMS327716 LWO327716 MGK327716 MQG327716 NAC327716 NJY327716 NTU327716 ODQ327716 ONM327716 OXI327716 PHE327716 PRA327716 QAW327716 QKS327716 QUO327716 REK327716 ROG327716 RYC327716 SHY327716 SRU327716 TBQ327716 TLM327716 TVI327716 UFE327716 UPA327716 UYW327716 VIS327716 VSO327716 WCK327716 WMG327716 WWC327716 U393252 JQ393252 TM393252 ADI393252 ANE393252 AXA393252 BGW393252 BQS393252 CAO393252 CKK393252 CUG393252 DEC393252 DNY393252 DXU393252 EHQ393252 ERM393252 FBI393252 FLE393252 FVA393252 GEW393252 GOS393252 GYO393252 HIK393252 HSG393252 ICC393252 ILY393252 IVU393252 JFQ393252 JPM393252 JZI393252 KJE393252 KTA393252 LCW393252 LMS393252 LWO393252 MGK393252 MQG393252 NAC393252 NJY393252 NTU393252 ODQ393252 ONM393252 OXI393252 PHE393252 PRA393252 QAW393252 QKS393252 QUO393252 REK393252 ROG393252 RYC393252 SHY393252 SRU393252 TBQ393252 TLM393252 TVI393252 UFE393252 UPA393252 UYW393252 VIS393252 VSO393252 WCK393252 WMG393252 WWC393252 U458788 JQ458788 TM458788 ADI458788 ANE458788 AXA458788 BGW458788 BQS458788 CAO458788 CKK458788 CUG458788 DEC458788 DNY458788 DXU458788 EHQ458788 ERM458788 FBI458788 FLE458788 FVA458788 GEW458788 GOS458788 GYO458788 HIK458788 HSG458788 ICC458788 ILY458788 IVU458788 JFQ458788 JPM458788 JZI458788 KJE458788 KTA458788 LCW458788 LMS458788 LWO458788 MGK458788 MQG458788 NAC458788 NJY458788 NTU458788 ODQ458788 ONM458788 OXI458788 PHE458788 PRA458788 QAW458788 QKS458788 QUO458788 REK458788 ROG458788 RYC458788 SHY458788 SRU458788 TBQ458788 TLM458788 TVI458788 UFE458788 UPA458788 UYW458788 VIS458788 VSO458788 WCK458788 WMG458788 WWC458788 U524324 JQ524324 TM524324 ADI524324 ANE524324 AXA524324 BGW524324 BQS524324 CAO524324 CKK524324 CUG524324 DEC524324 DNY524324 DXU524324 EHQ524324 ERM524324 FBI524324 FLE524324 FVA524324 GEW524324 GOS524324 GYO524324 HIK524324 HSG524324 ICC524324 ILY524324 IVU524324 JFQ524324 JPM524324 JZI524324 KJE524324 KTA524324 LCW524324 LMS524324 LWO524324 MGK524324 MQG524324 NAC524324 NJY524324 NTU524324 ODQ524324 ONM524324 OXI524324 PHE524324 PRA524324 QAW524324 QKS524324 QUO524324 REK524324 ROG524324 RYC524324 SHY524324 SRU524324 TBQ524324 TLM524324 TVI524324 UFE524324 UPA524324 UYW524324 VIS524324 VSO524324 WCK524324 WMG524324 WWC524324 U589860 JQ589860 TM589860 ADI589860 ANE589860 AXA589860 BGW589860 BQS589860 CAO589860 CKK589860 CUG589860 DEC589860 DNY589860 DXU589860 EHQ589860 ERM589860 FBI589860 FLE589860 FVA589860 GEW589860 GOS589860 GYO589860 HIK589860 HSG589860 ICC589860 ILY589860 IVU589860 JFQ589860 JPM589860 JZI589860 KJE589860 KTA589860 LCW589860 LMS589860 LWO589860 MGK589860 MQG589860 NAC589860 NJY589860 NTU589860 ODQ589860 ONM589860 OXI589860 PHE589860 PRA589860 QAW589860 QKS589860 QUO589860 REK589860 ROG589860 RYC589860 SHY589860 SRU589860 TBQ589860 TLM589860 TVI589860 UFE589860 UPA589860 UYW589860 VIS589860 VSO589860 WCK589860 WMG589860 WWC589860 U655396 JQ655396 TM655396 ADI655396 ANE655396 AXA655396 BGW655396 BQS655396 CAO655396 CKK655396 CUG655396 DEC655396 DNY655396 DXU655396 EHQ655396 ERM655396 FBI655396 FLE655396 FVA655396 GEW655396 GOS655396 GYO655396 HIK655396 HSG655396 ICC655396 ILY655396 IVU655396 JFQ655396 JPM655396 JZI655396 KJE655396 KTA655396 LCW655396 LMS655396 LWO655396 MGK655396 MQG655396 NAC655396 NJY655396 NTU655396 ODQ655396 ONM655396 OXI655396 PHE655396 PRA655396 QAW655396 QKS655396 QUO655396 REK655396 ROG655396 RYC655396 SHY655396 SRU655396 TBQ655396 TLM655396 TVI655396 UFE655396 UPA655396 UYW655396 VIS655396 VSO655396 WCK655396 WMG655396 WWC655396 U720932 JQ720932 TM720932 ADI720932 ANE720932 AXA720932 BGW720932 BQS720932 CAO720932 CKK720932 CUG720932 DEC720932 DNY720932 DXU720932 EHQ720932 ERM720932 FBI720932 FLE720932 FVA720932 GEW720932 GOS720932 GYO720932 HIK720932 HSG720932 ICC720932 ILY720932 IVU720932 JFQ720932 JPM720932 JZI720932 KJE720932 KTA720932 LCW720932 LMS720932 LWO720932 MGK720932 MQG720932 NAC720932 NJY720932 NTU720932 ODQ720932 ONM720932 OXI720932 PHE720932 PRA720932 QAW720932 QKS720932 QUO720932 REK720932 ROG720932 RYC720932 SHY720932 SRU720932 TBQ720932 TLM720932 TVI720932 UFE720932 UPA720932 UYW720932 VIS720932 VSO720932 WCK720932 WMG720932 WWC720932 U786468 JQ786468 TM786468 ADI786468 ANE786468 AXA786468 BGW786468 BQS786468 CAO786468 CKK786468 CUG786468 DEC786468 DNY786468 DXU786468 EHQ786468 ERM786468 FBI786468 FLE786468 FVA786468 GEW786468 GOS786468 GYO786468 HIK786468 HSG786468 ICC786468 ILY786468 IVU786468 JFQ786468 JPM786468 JZI786468 KJE786468 KTA786468 LCW786468 LMS786468 LWO786468 MGK786468 MQG786468 NAC786468 NJY786468 NTU786468 ODQ786468 ONM786468 OXI786468 PHE786468 PRA786468 QAW786468 QKS786468 QUO786468 REK786468 ROG786468 RYC786468 SHY786468 SRU786468 TBQ786468 TLM786468 TVI786468 UFE786468 UPA786468 UYW786468 VIS786468 VSO786468 WCK786468 WMG786468 WWC786468 U852004 JQ852004 TM852004 ADI852004 ANE852004 AXA852004 BGW852004 BQS852004 CAO852004 CKK852004 CUG852004 DEC852004 DNY852004 DXU852004 EHQ852004 ERM852004 FBI852004 FLE852004 FVA852004 GEW852004 GOS852004 GYO852004 HIK852004 HSG852004 ICC852004 ILY852004 IVU852004 JFQ852004 JPM852004 JZI852004 KJE852004 KTA852004 LCW852004 LMS852004 LWO852004 MGK852004 MQG852004 NAC852004 NJY852004 NTU852004 ODQ852004 ONM852004 OXI852004 PHE852004 PRA852004 QAW852004 QKS852004 QUO852004 REK852004 ROG852004 RYC852004 SHY852004 SRU852004 TBQ852004 TLM852004 TVI852004 UFE852004 UPA852004 UYW852004 VIS852004 VSO852004 WCK852004 WMG852004 WWC852004 U917540 JQ917540 TM917540 ADI917540 ANE917540 AXA917540 BGW917540 BQS917540 CAO917540 CKK917540 CUG917540 DEC917540 DNY917540 DXU917540 EHQ917540 ERM917540 FBI917540 FLE917540 FVA917540 GEW917540 GOS917540 GYO917540 HIK917540 HSG917540 ICC917540 ILY917540 IVU917540 JFQ917540 JPM917540 JZI917540 KJE917540 KTA917540 LCW917540 LMS917540 LWO917540 MGK917540 MQG917540 NAC917540 NJY917540 NTU917540 ODQ917540 ONM917540 OXI917540 PHE917540 PRA917540 QAW917540 QKS917540 QUO917540 REK917540 ROG917540 RYC917540 SHY917540 SRU917540 TBQ917540 TLM917540 TVI917540 UFE917540 UPA917540 UYW917540 VIS917540 VSO917540 WCK917540 WMG917540 WWC917540 U983076 JQ983076 TM983076 ADI983076 ANE983076 AXA983076 BGW983076 BQS983076 CAO983076 CKK983076 CUG983076 DEC983076 DNY983076 DXU983076 EHQ983076 ERM983076 FBI983076 FLE983076 FVA983076 GEW983076 GOS983076 GYO983076 HIK983076 HSG983076 ICC983076 ILY983076 IVU983076 JFQ983076 JPM983076 JZI983076 KJE983076 KTA983076 LCW983076 LMS983076 LWO983076 MGK983076 MQG983076 NAC983076 NJY983076 NTU983076 ODQ983076 ONM983076 OXI983076 PHE983076 PRA983076 QAW983076 QKS983076 QUO983076 REK983076 ROG983076 RYC983076 SHY983076 SRU983076 TBQ983076 TLM983076 TVI983076 UFE983076 UPA983076 UYW983076 VIS983076 VSO983076 WCK983076 WMG983076 WWC983076 T37:U37 JP37:JQ37 TL37:TM37 ADH37:ADI37 AND37:ANE37 AWZ37:AXA37 BGV37:BGW37 BQR37:BQS37 CAN37:CAO37 CKJ37:CKK37 CUF37:CUG37 DEB37:DEC37 DNX37:DNY37 DXT37:DXU37 EHP37:EHQ37 ERL37:ERM37 FBH37:FBI37 FLD37:FLE37 FUZ37:FVA37 GEV37:GEW37 GOR37:GOS37 GYN37:GYO37 HIJ37:HIK37 HSF37:HSG37 ICB37:ICC37 ILX37:ILY37 IVT37:IVU37 JFP37:JFQ37 JPL37:JPM37 JZH37:JZI37 KJD37:KJE37 KSZ37:KTA37 LCV37:LCW37 LMR37:LMS37 LWN37:LWO37 MGJ37:MGK37 MQF37:MQG37 NAB37:NAC37 NJX37:NJY37 NTT37:NTU37 ODP37:ODQ37 ONL37:ONM37 OXH37:OXI37 PHD37:PHE37 PQZ37:PRA37 QAV37:QAW37 QKR37:QKS37 QUN37:QUO37 REJ37:REK37 ROF37:ROG37 RYB37:RYC37 SHX37:SHY37 SRT37:SRU37 TBP37:TBQ37 TLL37:TLM37 TVH37:TVI37 UFD37:UFE37 UOZ37:UPA37 UYV37:UYW37 VIR37:VIS37 VSN37:VSO37 WCJ37:WCK37 WMF37:WMG37 WWB37:WWC37 T65573:U65573 JP65573:JQ65573 TL65573:TM65573 ADH65573:ADI65573 AND65573:ANE65573 AWZ65573:AXA65573 BGV65573:BGW65573 BQR65573:BQS65573 CAN65573:CAO65573 CKJ65573:CKK65573 CUF65573:CUG65573 DEB65573:DEC65573 DNX65573:DNY65573 DXT65573:DXU65573 EHP65573:EHQ65573 ERL65573:ERM65573 FBH65573:FBI65573 FLD65573:FLE65573 FUZ65573:FVA65573 GEV65573:GEW65573 GOR65573:GOS65573 GYN65573:GYO65573 HIJ65573:HIK65573 HSF65573:HSG65573 ICB65573:ICC65573 ILX65573:ILY65573 IVT65573:IVU65573 JFP65573:JFQ65573 JPL65573:JPM65573 JZH65573:JZI65573 KJD65573:KJE65573 KSZ65573:KTA65573 LCV65573:LCW65573 LMR65573:LMS65573 LWN65573:LWO65573 MGJ65573:MGK65573 MQF65573:MQG65573 NAB65573:NAC65573 NJX65573:NJY65573 NTT65573:NTU65573 ODP65573:ODQ65573 ONL65573:ONM65573 OXH65573:OXI65573 PHD65573:PHE65573 PQZ65573:PRA65573 QAV65573:QAW65573 QKR65573:QKS65573 QUN65573:QUO65573 REJ65573:REK65573 ROF65573:ROG65573 RYB65573:RYC65573 SHX65573:SHY65573 SRT65573:SRU65573 TBP65573:TBQ65573 TLL65573:TLM65573 TVH65573:TVI65573 UFD65573:UFE65573 UOZ65573:UPA65573 UYV65573:UYW65573 VIR65573:VIS65573 VSN65573:VSO65573 WCJ65573:WCK65573 WMF65573:WMG65573 WWB65573:WWC65573 T131109:U131109 JP131109:JQ131109 TL131109:TM131109 ADH131109:ADI131109 AND131109:ANE131109 AWZ131109:AXA131109 BGV131109:BGW131109 BQR131109:BQS131109 CAN131109:CAO131109 CKJ131109:CKK131109 CUF131109:CUG131109 DEB131109:DEC131109 DNX131109:DNY131109 DXT131109:DXU131109 EHP131109:EHQ131109 ERL131109:ERM131109 FBH131109:FBI131109 FLD131109:FLE131109 FUZ131109:FVA131109 GEV131109:GEW131109 GOR131109:GOS131109 GYN131109:GYO131109 HIJ131109:HIK131109 HSF131109:HSG131109 ICB131109:ICC131109 ILX131109:ILY131109 IVT131109:IVU131109 JFP131109:JFQ131109 JPL131109:JPM131109 JZH131109:JZI131109 KJD131109:KJE131109 KSZ131109:KTA131109 LCV131109:LCW131109 LMR131109:LMS131109 LWN131109:LWO131109 MGJ131109:MGK131109 MQF131109:MQG131109 NAB131109:NAC131109 NJX131109:NJY131109 NTT131109:NTU131109 ODP131109:ODQ131109 ONL131109:ONM131109 OXH131109:OXI131109 PHD131109:PHE131109 PQZ131109:PRA131109 QAV131109:QAW131109 QKR131109:QKS131109 QUN131109:QUO131109 REJ131109:REK131109 ROF131109:ROG131109 RYB131109:RYC131109 SHX131109:SHY131109 SRT131109:SRU131109 TBP131109:TBQ131109 TLL131109:TLM131109 TVH131109:TVI131109 UFD131109:UFE131109 UOZ131109:UPA131109 UYV131109:UYW131109 VIR131109:VIS131109 VSN131109:VSO131109 WCJ131109:WCK131109 WMF131109:WMG131109 WWB131109:WWC131109 T196645:U196645 JP196645:JQ196645 TL196645:TM196645 ADH196645:ADI196645 AND196645:ANE196645 AWZ196645:AXA196645 BGV196645:BGW196645 BQR196645:BQS196645 CAN196645:CAO196645 CKJ196645:CKK196645 CUF196645:CUG196645 DEB196645:DEC196645 DNX196645:DNY196645 DXT196645:DXU196645 EHP196645:EHQ196645 ERL196645:ERM196645 FBH196645:FBI196645 FLD196645:FLE196645 FUZ196645:FVA196645 GEV196645:GEW196645 GOR196645:GOS196645 GYN196645:GYO196645 HIJ196645:HIK196645 HSF196645:HSG196645 ICB196645:ICC196645 ILX196645:ILY196645 IVT196645:IVU196645 JFP196645:JFQ196645 JPL196645:JPM196645 JZH196645:JZI196645 KJD196645:KJE196645 KSZ196645:KTA196645 LCV196645:LCW196645 LMR196645:LMS196645 LWN196645:LWO196645 MGJ196645:MGK196645 MQF196645:MQG196645 NAB196645:NAC196645 NJX196645:NJY196645 NTT196645:NTU196645 ODP196645:ODQ196645 ONL196645:ONM196645 OXH196645:OXI196645 PHD196645:PHE196645 PQZ196645:PRA196645 QAV196645:QAW196645 QKR196645:QKS196645 QUN196645:QUO196645 REJ196645:REK196645 ROF196645:ROG196645 RYB196645:RYC196645 SHX196645:SHY196645 SRT196645:SRU196645 TBP196645:TBQ196645 TLL196645:TLM196645 TVH196645:TVI196645 UFD196645:UFE196645 UOZ196645:UPA196645 UYV196645:UYW196645 VIR196645:VIS196645 VSN196645:VSO196645 WCJ196645:WCK196645 WMF196645:WMG196645 WWB196645:WWC196645 T262181:U262181 JP262181:JQ262181 TL262181:TM262181 ADH262181:ADI262181 AND262181:ANE262181 AWZ262181:AXA262181 BGV262181:BGW262181 BQR262181:BQS262181 CAN262181:CAO262181 CKJ262181:CKK262181 CUF262181:CUG262181 DEB262181:DEC262181 DNX262181:DNY262181 DXT262181:DXU262181 EHP262181:EHQ262181 ERL262181:ERM262181 FBH262181:FBI262181 FLD262181:FLE262181 FUZ262181:FVA262181 GEV262181:GEW262181 GOR262181:GOS262181 GYN262181:GYO262181 HIJ262181:HIK262181 HSF262181:HSG262181 ICB262181:ICC262181 ILX262181:ILY262181 IVT262181:IVU262181 JFP262181:JFQ262181 JPL262181:JPM262181 JZH262181:JZI262181 KJD262181:KJE262181 KSZ262181:KTA262181 LCV262181:LCW262181 LMR262181:LMS262181 LWN262181:LWO262181 MGJ262181:MGK262181 MQF262181:MQG262181 NAB262181:NAC262181 NJX262181:NJY262181 NTT262181:NTU262181 ODP262181:ODQ262181 ONL262181:ONM262181 OXH262181:OXI262181 PHD262181:PHE262181 PQZ262181:PRA262181 QAV262181:QAW262181 QKR262181:QKS262181 QUN262181:QUO262181 REJ262181:REK262181 ROF262181:ROG262181 RYB262181:RYC262181 SHX262181:SHY262181 SRT262181:SRU262181 TBP262181:TBQ262181 TLL262181:TLM262181 TVH262181:TVI262181 UFD262181:UFE262181 UOZ262181:UPA262181 UYV262181:UYW262181 VIR262181:VIS262181 VSN262181:VSO262181 WCJ262181:WCK262181 WMF262181:WMG262181 WWB262181:WWC262181 T327717:U327717 JP327717:JQ327717 TL327717:TM327717 ADH327717:ADI327717 AND327717:ANE327717 AWZ327717:AXA327717 BGV327717:BGW327717 BQR327717:BQS327717 CAN327717:CAO327717 CKJ327717:CKK327717 CUF327717:CUG327717 DEB327717:DEC327717 DNX327717:DNY327717 DXT327717:DXU327717 EHP327717:EHQ327717 ERL327717:ERM327717 FBH327717:FBI327717 FLD327717:FLE327717 FUZ327717:FVA327717 GEV327717:GEW327717 GOR327717:GOS327717 GYN327717:GYO327717 HIJ327717:HIK327717 HSF327717:HSG327717 ICB327717:ICC327717 ILX327717:ILY327717 IVT327717:IVU327717 JFP327717:JFQ327717 JPL327717:JPM327717 JZH327717:JZI327717 KJD327717:KJE327717 KSZ327717:KTA327717 LCV327717:LCW327717 LMR327717:LMS327717 LWN327717:LWO327717 MGJ327717:MGK327717 MQF327717:MQG327717 NAB327717:NAC327717 NJX327717:NJY327717 NTT327717:NTU327717 ODP327717:ODQ327717 ONL327717:ONM327717 OXH327717:OXI327717 PHD327717:PHE327717 PQZ327717:PRA327717 QAV327717:QAW327717 QKR327717:QKS327717 QUN327717:QUO327717 REJ327717:REK327717 ROF327717:ROG327717 RYB327717:RYC327717 SHX327717:SHY327717 SRT327717:SRU327717 TBP327717:TBQ327717 TLL327717:TLM327717 TVH327717:TVI327717 UFD327717:UFE327717 UOZ327717:UPA327717 UYV327717:UYW327717 VIR327717:VIS327717 VSN327717:VSO327717 WCJ327717:WCK327717 WMF327717:WMG327717 WWB327717:WWC327717 T393253:U393253 JP393253:JQ393253 TL393253:TM393253 ADH393253:ADI393253 AND393253:ANE393253 AWZ393253:AXA393253 BGV393253:BGW393253 BQR393253:BQS393253 CAN393253:CAO393253 CKJ393253:CKK393253 CUF393253:CUG393253 DEB393253:DEC393253 DNX393253:DNY393253 DXT393253:DXU393253 EHP393253:EHQ393253 ERL393253:ERM393253 FBH393253:FBI393253 FLD393253:FLE393253 FUZ393253:FVA393253 GEV393253:GEW393253 GOR393253:GOS393253 GYN393253:GYO393253 HIJ393253:HIK393253 HSF393253:HSG393253 ICB393253:ICC393253 ILX393253:ILY393253 IVT393253:IVU393253 JFP393253:JFQ393253 JPL393253:JPM393253 JZH393253:JZI393253 KJD393253:KJE393253 KSZ393253:KTA393253 LCV393253:LCW393253 LMR393253:LMS393253 LWN393253:LWO393253 MGJ393253:MGK393253 MQF393253:MQG393253 NAB393253:NAC393253 NJX393253:NJY393253 NTT393253:NTU393253 ODP393253:ODQ393253 ONL393253:ONM393253 OXH393253:OXI393253 PHD393253:PHE393253 PQZ393253:PRA393253 QAV393253:QAW393253 QKR393253:QKS393253 QUN393253:QUO393253 REJ393253:REK393253 ROF393253:ROG393253 RYB393253:RYC393253 SHX393253:SHY393253 SRT393253:SRU393253 TBP393253:TBQ393253 TLL393253:TLM393253 TVH393253:TVI393253 UFD393253:UFE393253 UOZ393253:UPA393253 UYV393253:UYW393253 VIR393253:VIS393253 VSN393253:VSO393253 WCJ393253:WCK393253 WMF393253:WMG393253 WWB393253:WWC393253 T458789:U458789 JP458789:JQ458789 TL458789:TM458789 ADH458789:ADI458789 AND458789:ANE458789 AWZ458789:AXA458789 BGV458789:BGW458789 BQR458789:BQS458789 CAN458789:CAO458789 CKJ458789:CKK458789 CUF458789:CUG458789 DEB458789:DEC458789 DNX458789:DNY458789 DXT458789:DXU458789 EHP458789:EHQ458789 ERL458789:ERM458789 FBH458789:FBI458789 FLD458789:FLE458789 FUZ458789:FVA458789 GEV458789:GEW458789 GOR458789:GOS458789 GYN458789:GYO458789 HIJ458789:HIK458789 HSF458789:HSG458789 ICB458789:ICC458789 ILX458789:ILY458789 IVT458789:IVU458789 JFP458789:JFQ458789 JPL458789:JPM458789 JZH458789:JZI458789 KJD458789:KJE458789 KSZ458789:KTA458789 LCV458789:LCW458789 LMR458789:LMS458789 LWN458789:LWO458789 MGJ458789:MGK458789 MQF458789:MQG458789 NAB458789:NAC458789 NJX458789:NJY458789 NTT458789:NTU458789 ODP458789:ODQ458789 ONL458789:ONM458789 OXH458789:OXI458789 PHD458789:PHE458789 PQZ458789:PRA458789 QAV458789:QAW458789 QKR458789:QKS458789 QUN458789:QUO458789 REJ458789:REK458789 ROF458789:ROG458789 RYB458789:RYC458789 SHX458789:SHY458789 SRT458789:SRU458789 TBP458789:TBQ458789 TLL458789:TLM458789 TVH458789:TVI458789 UFD458789:UFE458789 UOZ458789:UPA458789 UYV458789:UYW458789 VIR458789:VIS458789 VSN458789:VSO458789 WCJ458789:WCK458789 WMF458789:WMG458789 WWB458789:WWC458789 T524325:U524325 JP524325:JQ524325 TL524325:TM524325 ADH524325:ADI524325 AND524325:ANE524325 AWZ524325:AXA524325 BGV524325:BGW524325 BQR524325:BQS524325 CAN524325:CAO524325 CKJ524325:CKK524325 CUF524325:CUG524325 DEB524325:DEC524325 DNX524325:DNY524325 DXT524325:DXU524325 EHP524325:EHQ524325 ERL524325:ERM524325 FBH524325:FBI524325 FLD524325:FLE524325 FUZ524325:FVA524325 GEV524325:GEW524325 GOR524325:GOS524325 GYN524325:GYO524325 HIJ524325:HIK524325 HSF524325:HSG524325 ICB524325:ICC524325 ILX524325:ILY524325 IVT524325:IVU524325 JFP524325:JFQ524325 JPL524325:JPM524325 JZH524325:JZI524325 KJD524325:KJE524325 KSZ524325:KTA524325 LCV524325:LCW524325 LMR524325:LMS524325 LWN524325:LWO524325 MGJ524325:MGK524325 MQF524325:MQG524325 NAB524325:NAC524325 NJX524325:NJY524325 NTT524325:NTU524325 ODP524325:ODQ524325 ONL524325:ONM524325 OXH524325:OXI524325 PHD524325:PHE524325 PQZ524325:PRA524325 QAV524325:QAW524325 QKR524325:QKS524325 QUN524325:QUO524325 REJ524325:REK524325 ROF524325:ROG524325 RYB524325:RYC524325 SHX524325:SHY524325 SRT524325:SRU524325 TBP524325:TBQ524325 TLL524325:TLM524325 TVH524325:TVI524325 UFD524325:UFE524325 UOZ524325:UPA524325 UYV524325:UYW524325 VIR524325:VIS524325 VSN524325:VSO524325 WCJ524325:WCK524325 WMF524325:WMG524325 WWB524325:WWC524325 T589861:U589861 JP589861:JQ589861 TL589861:TM589861 ADH589861:ADI589861 AND589861:ANE589861 AWZ589861:AXA589861 BGV589861:BGW589861 BQR589861:BQS589861 CAN589861:CAO589861 CKJ589861:CKK589861 CUF589861:CUG589861 DEB589861:DEC589861 DNX589861:DNY589861 DXT589861:DXU589861 EHP589861:EHQ589861 ERL589861:ERM589861 FBH589861:FBI589861 FLD589861:FLE589861 FUZ589861:FVA589861 GEV589861:GEW589861 GOR589861:GOS589861 GYN589861:GYO589861 HIJ589861:HIK589861 HSF589861:HSG589861 ICB589861:ICC589861 ILX589861:ILY589861 IVT589861:IVU589861 JFP589861:JFQ589861 JPL589861:JPM589861 JZH589861:JZI589861 KJD589861:KJE589861 KSZ589861:KTA589861 LCV589861:LCW589861 LMR589861:LMS589861 LWN589861:LWO589861 MGJ589861:MGK589861 MQF589861:MQG589861 NAB589861:NAC589861 NJX589861:NJY589861 NTT589861:NTU589861 ODP589861:ODQ589861 ONL589861:ONM589861 OXH589861:OXI589861 PHD589861:PHE589861 PQZ589861:PRA589861 QAV589861:QAW589861 QKR589861:QKS589861 QUN589861:QUO589861 REJ589861:REK589861 ROF589861:ROG589861 RYB589861:RYC589861 SHX589861:SHY589861 SRT589861:SRU589861 TBP589861:TBQ589861 TLL589861:TLM589861 TVH589861:TVI589861 UFD589861:UFE589861 UOZ589861:UPA589861 UYV589861:UYW589861 VIR589861:VIS589861 VSN589861:VSO589861 WCJ589861:WCK589861 WMF589861:WMG589861 WWB589861:WWC589861 T655397:U655397 JP655397:JQ655397 TL655397:TM655397 ADH655397:ADI655397 AND655397:ANE655397 AWZ655397:AXA655397 BGV655397:BGW655397 BQR655397:BQS655397 CAN655397:CAO655397 CKJ655397:CKK655397 CUF655397:CUG655397 DEB655397:DEC655397 DNX655397:DNY655397 DXT655397:DXU655397 EHP655397:EHQ655397 ERL655397:ERM655397 FBH655397:FBI655397 FLD655397:FLE655397 FUZ655397:FVA655397 GEV655397:GEW655397 GOR655397:GOS655397 GYN655397:GYO655397 HIJ655397:HIK655397 HSF655397:HSG655397 ICB655397:ICC655397 ILX655397:ILY655397 IVT655397:IVU655397 JFP655397:JFQ655397 JPL655397:JPM655397 JZH655397:JZI655397 KJD655397:KJE655397 KSZ655397:KTA655397 LCV655397:LCW655397 LMR655397:LMS655397 LWN655397:LWO655397 MGJ655397:MGK655397 MQF655397:MQG655397 NAB655397:NAC655397 NJX655397:NJY655397 NTT655397:NTU655397 ODP655397:ODQ655397 ONL655397:ONM655397 OXH655397:OXI655397 PHD655397:PHE655397 PQZ655397:PRA655397 QAV655397:QAW655397 QKR655397:QKS655397 QUN655397:QUO655397 REJ655397:REK655397 ROF655397:ROG655397 RYB655397:RYC655397 SHX655397:SHY655397 SRT655397:SRU655397 TBP655397:TBQ655397 TLL655397:TLM655397 TVH655397:TVI655397 UFD655397:UFE655397 UOZ655397:UPA655397 UYV655397:UYW655397 VIR655397:VIS655397 VSN655397:VSO655397 WCJ655397:WCK655397 WMF655397:WMG655397 WWB655397:WWC655397 T720933:U720933 JP720933:JQ720933 TL720933:TM720933 ADH720933:ADI720933 AND720933:ANE720933 AWZ720933:AXA720933 BGV720933:BGW720933 BQR720933:BQS720933 CAN720933:CAO720933 CKJ720933:CKK720933 CUF720933:CUG720933 DEB720933:DEC720933 DNX720933:DNY720933 DXT720933:DXU720933 EHP720933:EHQ720933 ERL720933:ERM720933 FBH720933:FBI720933 FLD720933:FLE720933 FUZ720933:FVA720933 GEV720933:GEW720933 GOR720933:GOS720933 GYN720933:GYO720933 HIJ720933:HIK720933 HSF720933:HSG720933 ICB720933:ICC720933 ILX720933:ILY720933 IVT720933:IVU720933 JFP720933:JFQ720933 JPL720933:JPM720933 JZH720933:JZI720933 KJD720933:KJE720933 KSZ720933:KTA720933 LCV720933:LCW720933 LMR720933:LMS720933 LWN720933:LWO720933 MGJ720933:MGK720933 MQF720933:MQG720933 NAB720933:NAC720933 NJX720933:NJY720933 NTT720933:NTU720933 ODP720933:ODQ720933 ONL720933:ONM720933 OXH720933:OXI720933 PHD720933:PHE720933 PQZ720933:PRA720933 QAV720933:QAW720933 QKR720933:QKS720933 QUN720933:QUO720933 REJ720933:REK720933 ROF720933:ROG720933 RYB720933:RYC720933 SHX720933:SHY720933 SRT720933:SRU720933 TBP720933:TBQ720933 TLL720933:TLM720933 TVH720933:TVI720933 UFD720933:UFE720933 UOZ720933:UPA720933 UYV720933:UYW720933 VIR720933:VIS720933 VSN720933:VSO720933 WCJ720933:WCK720933 WMF720933:WMG720933 WWB720933:WWC720933 T786469:U786469 JP786469:JQ786469 TL786469:TM786469 ADH786469:ADI786469 AND786469:ANE786469 AWZ786469:AXA786469 BGV786469:BGW786469 BQR786469:BQS786469 CAN786469:CAO786469 CKJ786469:CKK786469 CUF786469:CUG786469 DEB786469:DEC786469 DNX786469:DNY786469 DXT786469:DXU786469 EHP786469:EHQ786469 ERL786469:ERM786469 FBH786469:FBI786469 FLD786469:FLE786469 FUZ786469:FVA786469 GEV786469:GEW786469 GOR786469:GOS786469 GYN786469:GYO786469 HIJ786469:HIK786469 HSF786469:HSG786469 ICB786469:ICC786469 ILX786469:ILY786469 IVT786469:IVU786469 JFP786469:JFQ786469 JPL786469:JPM786469 JZH786469:JZI786469 KJD786469:KJE786469 KSZ786469:KTA786469 LCV786469:LCW786469 LMR786469:LMS786469 LWN786469:LWO786469 MGJ786469:MGK786469 MQF786469:MQG786469 NAB786469:NAC786469 NJX786469:NJY786469 NTT786469:NTU786469 ODP786469:ODQ786469 ONL786469:ONM786469 OXH786469:OXI786469 PHD786469:PHE786469 PQZ786469:PRA786469 QAV786469:QAW786469 QKR786469:QKS786469 QUN786469:QUO786469 REJ786469:REK786469 ROF786469:ROG786469 RYB786469:RYC786469 SHX786469:SHY786469 SRT786469:SRU786469 TBP786469:TBQ786469 TLL786469:TLM786469 TVH786469:TVI786469 UFD786469:UFE786469 UOZ786469:UPA786469 UYV786469:UYW786469 VIR786469:VIS786469 VSN786469:VSO786469 WCJ786469:WCK786469 WMF786469:WMG786469 WWB786469:WWC786469 T852005:U852005 JP852005:JQ852005 TL852005:TM852005 ADH852005:ADI852005 AND852005:ANE852005 AWZ852005:AXA852005 BGV852005:BGW852005 BQR852005:BQS852005 CAN852005:CAO852005 CKJ852005:CKK852005 CUF852005:CUG852005 DEB852005:DEC852005 DNX852005:DNY852005 DXT852005:DXU852005 EHP852005:EHQ852005 ERL852005:ERM852005 FBH852005:FBI852005 FLD852005:FLE852005 FUZ852005:FVA852005 GEV852005:GEW852005 GOR852005:GOS852005 GYN852005:GYO852005 HIJ852005:HIK852005 HSF852005:HSG852005 ICB852005:ICC852005 ILX852005:ILY852005 IVT852005:IVU852005 JFP852005:JFQ852005 JPL852005:JPM852005 JZH852005:JZI852005 KJD852005:KJE852005 KSZ852005:KTA852005 LCV852005:LCW852005 LMR852005:LMS852005 LWN852005:LWO852005 MGJ852005:MGK852005 MQF852005:MQG852005 NAB852005:NAC852005 NJX852005:NJY852005 NTT852005:NTU852005 ODP852005:ODQ852005 ONL852005:ONM852005 OXH852005:OXI852005 PHD852005:PHE852005 PQZ852005:PRA852005 QAV852005:QAW852005 QKR852005:QKS852005 QUN852005:QUO852005 REJ852005:REK852005 ROF852005:ROG852005 RYB852005:RYC852005 SHX852005:SHY852005 SRT852005:SRU852005 TBP852005:TBQ852005 TLL852005:TLM852005 TVH852005:TVI852005 UFD852005:UFE852005 UOZ852005:UPA852005 UYV852005:UYW852005 VIR852005:VIS852005 VSN852005:VSO852005 WCJ852005:WCK852005 WMF852005:WMG852005 WWB852005:WWC852005 T917541:U917541 JP917541:JQ917541 TL917541:TM917541 ADH917541:ADI917541 AND917541:ANE917541 AWZ917541:AXA917541 BGV917541:BGW917541 BQR917541:BQS917541 CAN917541:CAO917541 CKJ917541:CKK917541 CUF917541:CUG917541 DEB917541:DEC917541 DNX917541:DNY917541 DXT917541:DXU917541 EHP917541:EHQ917541 ERL917541:ERM917541 FBH917541:FBI917541 FLD917541:FLE917541 FUZ917541:FVA917541 GEV917541:GEW917541 GOR917541:GOS917541 GYN917541:GYO917541 HIJ917541:HIK917541 HSF917541:HSG917541 ICB917541:ICC917541 ILX917541:ILY917541 IVT917541:IVU917541 JFP917541:JFQ917541 JPL917541:JPM917541 JZH917541:JZI917541 KJD917541:KJE917541 KSZ917541:KTA917541 LCV917541:LCW917541 LMR917541:LMS917541 LWN917541:LWO917541 MGJ917541:MGK917541 MQF917541:MQG917541 NAB917541:NAC917541 NJX917541:NJY917541 NTT917541:NTU917541 ODP917541:ODQ917541 ONL917541:ONM917541 OXH917541:OXI917541 PHD917541:PHE917541 PQZ917541:PRA917541 QAV917541:QAW917541 QKR917541:QKS917541 QUN917541:QUO917541 REJ917541:REK917541 ROF917541:ROG917541 RYB917541:RYC917541 SHX917541:SHY917541 SRT917541:SRU917541 TBP917541:TBQ917541 TLL917541:TLM917541 TVH917541:TVI917541 UFD917541:UFE917541 UOZ917541:UPA917541 UYV917541:UYW917541 VIR917541:VIS917541 VSN917541:VSO917541 WCJ917541:WCK917541 WMF917541:WMG917541 WWB917541:WWC917541 T983077:U983077 JP983077:JQ983077 TL983077:TM983077 ADH983077:ADI983077 AND983077:ANE983077 AWZ983077:AXA983077 BGV983077:BGW983077 BQR983077:BQS983077 CAN983077:CAO983077 CKJ983077:CKK983077 CUF983077:CUG983077 DEB983077:DEC983077 DNX983077:DNY983077 DXT983077:DXU983077 EHP983077:EHQ983077 ERL983077:ERM983077 FBH983077:FBI983077 FLD983077:FLE983077 FUZ983077:FVA983077 GEV983077:GEW983077 GOR983077:GOS983077 GYN983077:GYO983077 HIJ983077:HIK983077 HSF983077:HSG983077 ICB983077:ICC983077 ILX983077:ILY983077 IVT983077:IVU983077 JFP983077:JFQ983077 JPL983077:JPM983077 JZH983077:JZI983077 KJD983077:KJE983077 KSZ983077:KTA983077 LCV983077:LCW983077 LMR983077:LMS983077 LWN983077:LWO983077 MGJ983077:MGK983077 MQF983077:MQG983077 NAB983077:NAC983077 NJX983077:NJY983077 NTT983077:NTU983077 ODP983077:ODQ983077 ONL983077:ONM983077 OXH983077:OXI983077 PHD983077:PHE983077 PQZ983077:PRA983077 QAV983077:QAW983077 QKR983077:QKS983077 QUN983077:QUO983077 REJ983077:REK983077 ROF983077:ROG983077 RYB983077:RYC983077 SHX983077:SHY983077 SRT983077:SRU983077 TBP983077:TBQ983077 TLL983077:TLM983077 TVH983077:TVI983077 UFD983077:UFE983077 UOZ983077:UPA983077 UYV983077:UYW983077 VIR983077:VIS983077 VSN983077:VSO983077 WCJ983077:WCK983077 WMF983077:WMG983077 WWB983077:WWC983077 U38 JQ38 TM38 ADI38 ANE38 AXA38 BGW38 BQS38 CAO38 CKK38 CUG38 DEC38 DNY38 DXU38 EHQ38 ERM38 FBI38 FLE38 FVA38 GEW38 GOS38 GYO38 HIK38 HSG38 ICC38 ILY38 IVU38 JFQ38 JPM38 JZI38 KJE38 KTA38 LCW38 LMS38 LWO38 MGK38 MQG38 NAC38 NJY38 NTU38 ODQ38 ONM38 OXI38 PHE38 PRA38 QAW38 QKS38 QUO38 REK38 ROG38 RYC38 SHY38 SRU38 TBQ38 TLM38 TVI38 UFE38 UPA38 UYW38 VIS38 VSO38 WCK38 WMG38 WWC38 U65574 JQ65574 TM65574 ADI65574 ANE65574 AXA65574 BGW65574 BQS65574 CAO65574 CKK65574 CUG65574 DEC65574 DNY65574 DXU65574 EHQ65574 ERM65574 FBI65574 FLE65574 FVA65574 GEW65574 GOS65574 GYO65574 HIK65574 HSG65574 ICC65574 ILY65574 IVU65574 JFQ65574 JPM65574 JZI65574 KJE65574 KTA65574 LCW65574 LMS65574 LWO65574 MGK65574 MQG65574 NAC65574 NJY65574 NTU65574 ODQ65574 ONM65574 OXI65574 PHE65574 PRA65574 QAW65574 QKS65574 QUO65574 REK65574 ROG65574 RYC65574 SHY65574 SRU65574 TBQ65574 TLM65574 TVI65574 UFE65574 UPA65574 UYW65574 VIS65574 VSO65574 WCK65574 WMG65574 WWC65574 U131110 JQ131110 TM131110 ADI131110 ANE131110 AXA131110 BGW131110 BQS131110 CAO131110 CKK131110 CUG131110 DEC131110 DNY131110 DXU131110 EHQ131110 ERM131110 FBI131110 FLE131110 FVA131110 GEW131110 GOS131110 GYO131110 HIK131110 HSG131110 ICC131110 ILY131110 IVU131110 JFQ131110 JPM131110 JZI131110 KJE131110 KTA131110 LCW131110 LMS131110 LWO131110 MGK131110 MQG131110 NAC131110 NJY131110 NTU131110 ODQ131110 ONM131110 OXI131110 PHE131110 PRA131110 QAW131110 QKS131110 QUO131110 REK131110 ROG131110 RYC131110 SHY131110 SRU131110 TBQ131110 TLM131110 TVI131110 UFE131110 UPA131110 UYW131110 VIS131110 VSO131110 WCK131110 WMG131110 WWC131110 U196646 JQ196646 TM196646 ADI196646 ANE196646 AXA196646 BGW196646 BQS196646 CAO196646 CKK196646 CUG196646 DEC196646 DNY196646 DXU196646 EHQ196646 ERM196646 FBI196646 FLE196646 FVA196646 GEW196646 GOS196646 GYO196646 HIK196646 HSG196646 ICC196646 ILY196646 IVU196646 JFQ196646 JPM196646 JZI196646 KJE196646 KTA196646 LCW196646 LMS196646 LWO196646 MGK196646 MQG196646 NAC196646 NJY196646 NTU196646 ODQ196646 ONM196646 OXI196646 PHE196646 PRA196646 QAW196646 QKS196646 QUO196646 REK196646 ROG196646 RYC196646 SHY196646 SRU196646 TBQ196646 TLM196646 TVI196646 UFE196646 UPA196646 UYW196646 VIS196646 VSO196646 WCK196646 WMG196646 WWC196646 U262182 JQ262182 TM262182 ADI262182 ANE262182 AXA262182 BGW262182 BQS262182 CAO262182 CKK262182 CUG262182 DEC262182 DNY262182 DXU262182 EHQ262182 ERM262182 FBI262182 FLE262182 FVA262182 GEW262182 GOS262182 GYO262182 HIK262182 HSG262182 ICC262182 ILY262182 IVU262182 JFQ262182 JPM262182 JZI262182 KJE262182 KTA262182 LCW262182 LMS262182 LWO262182 MGK262182 MQG262182 NAC262182 NJY262182 NTU262182 ODQ262182 ONM262182 OXI262182 PHE262182 PRA262182 QAW262182 QKS262182 QUO262182 REK262182 ROG262182 RYC262182 SHY262182 SRU262182 TBQ262182 TLM262182 TVI262182 UFE262182 UPA262182 UYW262182 VIS262182 VSO262182 WCK262182 WMG262182 WWC262182 U327718 JQ327718 TM327718 ADI327718 ANE327718 AXA327718 BGW327718 BQS327718 CAO327718 CKK327718 CUG327718 DEC327718 DNY327718 DXU327718 EHQ327718 ERM327718 FBI327718 FLE327718 FVA327718 GEW327718 GOS327718 GYO327718 HIK327718 HSG327718 ICC327718 ILY327718 IVU327718 JFQ327718 JPM327718 JZI327718 KJE327718 KTA327718 LCW327718 LMS327718 LWO327718 MGK327718 MQG327718 NAC327718 NJY327718 NTU327718 ODQ327718 ONM327718 OXI327718 PHE327718 PRA327718 QAW327718 QKS327718 QUO327718 REK327718 ROG327718 RYC327718 SHY327718 SRU327718 TBQ327718 TLM327718 TVI327718 UFE327718 UPA327718 UYW327718 VIS327718 VSO327718 WCK327718 WMG327718 WWC327718 U393254 JQ393254 TM393254 ADI393254 ANE393254 AXA393254 BGW393254 BQS393254 CAO393254 CKK393254 CUG393254 DEC393254 DNY393254 DXU393254 EHQ393254 ERM393254 FBI393254 FLE393254 FVA393254 GEW393254 GOS393254 GYO393254 HIK393254 HSG393254 ICC393254 ILY393254 IVU393254 JFQ393254 JPM393254 JZI393254 KJE393254 KTA393254 LCW393254 LMS393254 LWO393254 MGK393254 MQG393254 NAC393254 NJY393254 NTU393254 ODQ393254 ONM393254 OXI393254 PHE393254 PRA393254 QAW393254 QKS393254 QUO393254 REK393254 ROG393254 RYC393254 SHY393254 SRU393254 TBQ393254 TLM393254 TVI393254 UFE393254 UPA393254 UYW393254 VIS393254 VSO393254 WCK393254 WMG393254 WWC393254 U458790 JQ458790 TM458790 ADI458790 ANE458790 AXA458790 BGW458790 BQS458790 CAO458790 CKK458790 CUG458790 DEC458790 DNY458790 DXU458790 EHQ458790 ERM458790 FBI458790 FLE458790 FVA458790 GEW458790 GOS458790 GYO458790 HIK458790 HSG458790 ICC458790 ILY458790 IVU458790 JFQ458790 JPM458790 JZI458790 KJE458790 KTA458790 LCW458790 LMS458790 LWO458790 MGK458790 MQG458790 NAC458790 NJY458790 NTU458790 ODQ458790 ONM458790 OXI458790 PHE458790 PRA458790 QAW458790 QKS458790 QUO458790 REK458790 ROG458790 RYC458790 SHY458790 SRU458790 TBQ458790 TLM458790 TVI458790 UFE458790 UPA458790 UYW458790 VIS458790 VSO458790 WCK458790 WMG458790 WWC458790 U524326 JQ524326 TM524326 ADI524326 ANE524326 AXA524326 BGW524326 BQS524326 CAO524326 CKK524326 CUG524326 DEC524326 DNY524326 DXU524326 EHQ524326 ERM524326 FBI524326 FLE524326 FVA524326 GEW524326 GOS524326 GYO524326 HIK524326 HSG524326 ICC524326 ILY524326 IVU524326 JFQ524326 JPM524326 JZI524326 KJE524326 KTA524326 LCW524326 LMS524326 LWO524326 MGK524326 MQG524326 NAC524326 NJY524326 NTU524326 ODQ524326 ONM524326 OXI524326 PHE524326 PRA524326 QAW524326 QKS524326 QUO524326 REK524326 ROG524326 RYC524326 SHY524326 SRU524326 TBQ524326 TLM524326 TVI524326 UFE524326 UPA524326 UYW524326 VIS524326 VSO524326 WCK524326 WMG524326 WWC524326 U589862 JQ589862 TM589862 ADI589862 ANE589862 AXA589862 BGW589862 BQS589862 CAO589862 CKK589862 CUG589862 DEC589862 DNY589862 DXU589862 EHQ589862 ERM589862 FBI589862 FLE589862 FVA589862 GEW589862 GOS589862 GYO589862 HIK589862 HSG589862 ICC589862 ILY589862 IVU589862 JFQ589862 JPM589862 JZI589862 KJE589862 KTA589862 LCW589862 LMS589862 LWO589862 MGK589862 MQG589862 NAC589862 NJY589862 NTU589862 ODQ589862 ONM589862 OXI589862 PHE589862 PRA589862 QAW589862 QKS589862 QUO589862 REK589862 ROG589862 RYC589862 SHY589862 SRU589862 TBQ589862 TLM589862 TVI589862 UFE589862 UPA589862 UYW589862 VIS589862 VSO589862 WCK589862 WMG589862 WWC589862 U655398 JQ655398 TM655398 ADI655398 ANE655398 AXA655398 BGW655398 BQS655398 CAO655398 CKK655398 CUG655398 DEC655398 DNY655398 DXU655398 EHQ655398 ERM655398 FBI655398 FLE655398 FVA655398 GEW655398 GOS655398 GYO655398 HIK655398 HSG655398 ICC655398 ILY655398 IVU655398 JFQ655398 JPM655398 JZI655398 KJE655398 KTA655398 LCW655398 LMS655398 LWO655398 MGK655398 MQG655398 NAC655398 NJY655398 NTU655398 ODQ655398 ONM655398 OXI655398 PHE655398 PRA655398 QAW655398 QKS655398 QUO655398 REK655398 ROG655398 RYC655398 SHY655398 SRU655398 TBQ655398 TLM655398 TVI655398 UFE655398 UPA655398 UYW655398 VIS655398 VSO655398 WCK655398 WMG655398 WWC655398 U720934 JQ720934 TM720934 ADI720934 ANE720934 AXA720934 BGW720934 BQS720934 CAO720934 CKK720934 CUG720934 DEC720934 DNY720934 DXU720934 EHQ720934 ERM720934 FBI720934 FLE720934 FVA720934 GEW720934 GOS720934 GYO720934 HIK720934 HSG720934 ICC720934 ILY720934 IVU720934 JFQ720934 JPM720934 JZI720934 KJE720934 KTA720934 LCW720934 LMS720934 LWO720934 MGK720934 MQG720934 NAC720934 NJY720934 NTU720934 ODQ720934 ONM720934 OXI720934 PHE720934 PRA720934 QAW720934 QKS720934 QUO720934 REK720934 ROG720934 RYC720934 SHY720934 SRU720934 TBQ720934 TLM720934 TVI720934 UFE720934 UPA720934 UYW720934 VIS720934 VSO720934 WCK720934 WMG720934 WWC720934 U786470 JQ786470 TM786470 ADI786470 ANE786470 AXA786470 BGW786470 BQS786470 CAO786470 CKK786470 CUG786470 DEC786470 DNY786470 DXU786470 EHQ786470 ERM786470 FBI786470 FLE786470 FVA786470 GEW786470 GOS786470 GYO786470 HIK786470 HSG786470 ICC786470 ILY786470 IVU786470 JFQ786470 JPM786470 JZI786470 KJE786470 KTA786470 LCW786470 LMS786470 LWO786470 MGK786470 MQG786470 NAC786470 NJY786470 NTU786470 ODQ786470 ONM786470 OXI786470 PHE786470 PRA786470 QAW786470 QKS786470 QUO786470 REK786470 ROG786470 RYC786470 SHY786470 SRU786470 TBQ786470 TLM786470 TVI786470 UFE786470 UPA786470 UYW786470 VIS786470 VSO786470 WCK786470 WMG786470 WWC786470 U852006 JQ852006 TM852006 ADI852006 ANE852006 AXA852006 BGW852006 BQS852006 CAO852006 CKK852006 CUG852006 DEC852006 DNY852006 DXU852006 EHQ852006 ERM852006 FBI852006 FLE852006 FVA852006 GEW852006 GOS852006 GYO852006 HIK852006 HSG852006 ICC852006 ILY852006 IVU852006 JFQ852006 JPM852006 JZI852006 KJE852006 KTA852006 LCW852006 LMS852006 LWO852006 MGK852006 MQG852006 NAC852006 NJY852006 NTU852006 ODQ852006 ONM852006 OXI852006 PHE852006 PRA852006 QAW852006 QKS852006 QUO852006 REK852006 ROG852006 RYC852006 SHY852006 SRU852006 TBQ852006 TLM852006 TVI852006 UFE852006 UPA852006 UYW852006 VIS852006 VSO852006 WCK852006 WMG852006 WWC852006 U917542 JQ917542 TM917542 ADI917542 ANE917542 AXA917542 BGW917542 BQS917542 CAO917542 CKK917542 CUG917542 DEC917542 DNY917542 DXU917542 EHQ917542 ERM917542 FBI917542 FLE917542 FVA917542 GEW917542 GOS917542 GYO917542 HIK917542 HSG917542 ICC917542 ILY917542 IVU917542 JFQ917542 JPM917542 JZI917542 KJE917542 KTA917542 LCW917542 LMS917542 LWO917542 MGK917542 MQG917542 NAC917542 NJY917542 NTU917542 ODQ917542 ONM917542 OXI917542 PHE917542 PRA917542 QAW917542 QKS917542 QUO917542 REK917542 ROG917542 RYC917542 SHY917542 SRU917542 TBQ917542 TLM917542 TVI917542 UFE917542 UPA917542 UYW917542 VIS917542 VSO917542 WCK917542 WMG917542 WWC917542 U983078 JQ983078 TM983078 ADI983078 ANE983078 AXA983078 BGW983078 BQS983078 CAO983078 CKK983078 CUG983078 DEC983078 DNY983078 DXU983078 EHQ983078 ERM983078 FBI983078 FLE983078 FVA983078 GEW983078 GOS983078 GYO983078 HIK983078 HSG983078 ICC983078 ILY983078 IVU983078 JFQ983078 JPM983078 JZI983078 KJE983078 KTA983078 LCW983078 LMS983078 LWO983078 MGK983078 MQG983078 NAC983078 NJY983078 NTU983078 ODQ983078 ONM983078 OXI983078 PHE983078 PRA983078 QAW983078 QKS983078 QUO983078 REK983078 ROG983078 RYC983078 SHY983078 SRU983078 TBQ983078 TLM983078 TVI983078 UFE983078 UPA983078 UYW983078 VIS983078 VSO983078 WCK983078 WMG983078 WWC983078 A39 IW39 SS39 ACO39 AMK39 AWG39 BGC39 BPY39 BZU39 CJQ39 CTM39 DDI39 DNE39 DXA39 EGW39 EQS39 FAO39 FKK39 FUG39 GEC39 GNY39 GXU39 HHQ39 HRM39 IBI39 ILE39 IVA39 JEW39 JOS39 JYO39 KIK39 KSG39 LCC39 LLY39 LVU39 MFQ39 MPM39 MZI39 NJE39 NTA39 OCW39 OMS39 OWO39 PGK39 PQG39 QAC39 QJY39 QTU39 RDQ39 RNM39 RXI39 SHE39 SRA39 TAW39 TKS39 TUO39 UEK39 UOG39 UYC39 VHY39 VRU39 WBQ39 WLM39 WVI39 A65575 IW65575 SS65575 ACO65575 AMK65575 AWG65575 BGC65575 BPY65575 BZU65575 CJQ65575 CTM65575 DDI65575 DNE65575 DXA65575 EGW65575 EQS65575 FAO65575 FKK65575 FUG65575 GEC65575 GNY65575 GXU65575 HHQ65575 HRM65575 IBI65575 ILE65575 IVA65575 JEW65575 JOS65575 JYO65575 KIK65575 KSG65575 LCC65575 LLY65575 LVU65575 MFQ65575 MPM65575 MZI65575 NJE65575 NTA65575 OCW65575 OMS65575 OWO65575 PGK65575 PQG65575 QAC65575 QJY65575 QTU65575 RDQ65575 RNM65575 RXI65575 SHE65575 SRA65575 TAW65575 TKS65575 TUO65575 UEK65575 UOG65575 UYC65575 VHY65575 VRU65575 WBQ65575 WLM65575 WVI65575 A131111 IW131111 SS131111 ACO131111 AMK131111 AWG131111 BGC131111 BPY131111 BZU131111 CJQ131111 CTM131111 DDI131111 DNE131111 DXA131111 EGW131111 EQS131111 FAO131111 FKK131111 FUG131111 GEC131111 GNY131111 GXU131111 HHQ131111 HRM131111 IBI131111 ILE131111 IVA131111 JEW131111 JOS131111 JYO131111 KIK131111 KSG131111 LCC131111 LLY131111 LVU131111 MFQ131111 MPM131111 MZI131111 NJE131111 NTA131111 OCW131111 OMS131111 OWO131111 PGK131111 PQG131111 QAC131111 QJY131111 QTU131111 RDQ131111 RNM131111 RXI131111 SHE131111 SRA131111 TAW131111 TKS131111 TUO131111 UEK131111 UOG131111 UYC131111 VHY131111 VRU131111 WBQ131111 WLM131111 WVI131111 A196647 IW196647 SS196647 ACO196647 AMK196647 AWG196647 BGC196647 BPY196647 BZU196647 CJQ196647 CTM196647 DDI196647 DNE196647 DXA196647 EGW196647 EQS196647 FAO196647 FKK196647 FUG196647 GEC196647 GNY196647 GXU196647 HHQ196647 HRM196647 IBI196647 ILE196647 IVA196647 JEW196647 JOS196647 JYO196647 KIK196647 KSG196647 LCC196647 LLY196647 LVU196647 MFQ196647 MPM196647 MZI196647 NJE196647 NTA196647 OCW196647 OMS196647 OWO196647 PGK196647 PQG196647 QAC196647 QJY196647 QTU196647 RDQ196647 RNM196647 RXI196647 SHE196647 SRA196647 TAW196647 TKS196647 TUO196647 UEK196647 UOG196647 UYC196647 VHY196647 VRU196647 WBQ196647 WLM196647 WVI196647 A262183 IW262183 SS262183 ACO262183 AMK262183 AWG262183 BGC262183 BPY262183 BZU262183 CJQ262183 CTM262183 DDI262183 DNE262183 DXA262183 EGW262183 EQS262183 FAO262183 FKK262183 FUG262183 GEC262183 GNY262183 GXU262183 HHQ262183 HRM262183 IBI262183 ILE262183 IVA262183 JEW262183 JOS262183 JYO262183 KIK262183 KSG262183 LCC262183 LLY262183 LVU262183 MFQ262183 MPM262183 MZI262183 NJE262183 NTA262183 OCW262183 OMS262183 OWO262183 PGK262183 PQG262183 QAC262183 QJY262183 QTU262183 RDQ262183 RNM262183 RXI262183 SHE262183 SRA262183 TAW262183 TKS262183 TUO262183 UEK262183 UOG262183 UYC262183 VHY262183 VRU262183 WBQ262183 WLM262183 WVI262183 A327719 IW327719 SS327719 ACO327719 AMK327719 AWG327719 BGC327719 BPY327719 BZU327719 CJQ327719 CTM327719 DDI327719 DNE327719 DXA327719 EGW327719 EQS327719 FAO327719 FKK327719 FUG327719 GEC327719 GNY327719 GXU327719 HHQ327719 HRM327719 IBI327719 ILE327719 IVA327719 JEW327719 JOS327719 JYO327719 KIK327719 KSG327719 LCC327719 LLY327719 LVU327719 MFQ327719 MPM327719 MZI327719 NJE327719 NTA327719 OCW327719 OMS327719 OWO327719 PGK327719 PQG327719 QAC327719 QJY327719 QTU327719 RDQ327719 RNM327719 RXI327719 SHE327719 SRA327719 TAW327719 TKS327719 TUO327719 UEK327719 UOG327719 UYC327719 VHY327719 VRU327719 WBQ327719 WLM327719 WVI327719 A393255 IW393255 SS393255 ACO393255 AMK393255 AWG393255 BGC393255 BPY393255 BZU393255 CJQ393255 CTM393255 DDI393255 DNE393255 DXA393255 EGW393255 EQS393255 FAO393255 FKK393255 FUG393255 GEC393255 GNY393255 GXU393255 HHQ393255 HRM393255 IBI393255 ILE393255 IVA393255 JEW393255 JOS393255 JYO393255 KIK393255 KSG393255 LCC393255 LLY393255 LVU393255 MFQ393255 MPM393255 MZI393255 NJE393255 NTA393255 OCW393255 OMS393255 OWO393255 PGK393255 PQG393255 QAC393255 QJY393255 QTU393255 RDQ393255 RNM393255 RXI393255 SHE393255 SRA393255 TAW393255 TKS393255 TUO393255 UEK393255 UOG393255 UYC393255 VHY393255 VRU393255 WBQ393255 WLM393255 WVI393255 A458791 IW458791 SS458791 ACO458791 AMK458791 AWG458791 BGC458791 BPY458791 BZU458791 CJQ458791 CTM458791 DDI458791 DNE458791 DXA458791 EGW458791 EQS458791 FAO458791 FKK458791 FUG458791 GEC458791 GNY458791 GXU458791 HHQ458791 HRM458791 IBI458791 ILE458791 IVA458791 JEW458791 JOS458791 JYO458791 KIK458791 KSG458791 LCC458791 LLY458791 LVU458791 MFQ458791 MPM458791 MZI458791 NJE458791 NTA458791 OCW458791 OMS458791 OWO458791 PGK458791 PQG458791 QAC458791 QJY458791 QTU458791 RDQ458791 RNM458791 RXI458791 SHE458791 SRA458791 TAW458791 TKS458791 TUO458791 UEK458791 UOG458791 UYC458791 VHY458791 VRU458791 WBQ458791 WLM458791 WVI458791 A524327 IW524327 SS524327 ACO524327 AMK524327 AWG524327 BGC524327 BPY524327 BZU524327 CJQ524327 CTM524327 DDI524327 DNE524327 DXA524327 EGW524327 EQS524327 FAO524327 FKK524327 FUG524327 GEC524327 GNY524327 GXU524327 HHQ524327 HRM524327 IBI524327 ILE524327 IVA524327 JEW524327 JOS524327 JYO524327 KIK524327 KSG524327 LCC524327 LLY524327 LVU524327 MFQ524327 MPM524327 MZI524327 NJE524327 NTA524327 OCW524327 OMS524327 OWO524327 PGK524327 PQG524327 QAC524327 QJY524327 QTU524327 RDQ524327 RNM524327 RXI524327 SHE524327 SRA524327 TAW524327 TKS524327 TUO524327 UEK524327 UOG524327 UYC524327 VHY524327 VRU524327 WBQ524327 WLM524327 WVI524327 A589863 IW589863 SS589863 ACO589863 AMK589863 AWG589863 BGC589863 BPY589863 BZU589863 CJQ589863 CTM589863 DDI589863 DNE589863 DXA589863 EGW589863 EQS589863 FAO589863 FKK589863 FUG589863 GEC589863 GNY589863 GXU589863 HHQ589863 HRM589863 IBI589863 ILE589863 IVA589863 JEW589863 JOS589863 JYO589863 KIK589863 KSG589863 LCC589863 LLY589863 LVU589863 MFQ589863 MPM589863 MZI589863 NJE589863 NTA589863 OCW589863 OMS589863 OWO589863 PGK589863 PQG589863 QAC589863 QJY589863 QTU589863 RDQ589863 RNM589863 RXI589863 SHE589863 SRA589863 TAW589863 TKS589863 TUO589863 UEK589863 UOG589863 UYC589863 VHY589863 VRU589863 WBQ589863 WLM589863 WVI589863 A655399 IW655399 SS655399 ACO655399 AMK655399 AWG655399 BGC655399 BPY655399 BZU655399 CJQ655399 CTM655399 DDI655399 DNE655399 DXA655399 EGW655399 EQS655399 FAO655399 FKK655399 FUG655399 GEC655399 GNY655399 GXU655399 HHQ655399 HRM655399 IBI655399 ILE655399 IVA655399 JEW655399 JOS655399 JYO655399 KIK655399 KSG655399 LCC655399 LLY655399 LVU655399 MFQ655399 MPM655399 MZI655399 NJE655399 NTA655399 OCW655399 OMS655399 OWO655399 PGK655399 PQG655399 QAC655399 QJY655399 QTU655399 RDQ655399 RNM655399 RXI655399 SHE655399 SRA655399 TAW655399 TKS655399 TUO655399 UEK655399 UOG655399 UYC655399 VHY655399 VRU655399 WBQ655399 WLM655399 WVI655399 A720935 IW720935 SS720935 ACO720935 AMK720935 AWG720935 BGC720935 BPY720935 BZU720935 CJQ720935 CTM720935 DDI720935 DNE720935 DXA720935 EGW720935 EQS720935 FAO720935 FKK720935 FUG720935 GEC720935 GNY720935 GXU720935 HHQ720935 HRM720935 IBI720935 ILE720935 IVA720935 JEW720935 JOS720935 JYO720935 KIK720935 KSG720935 LCC720935 LLY720935 LVU720935 MFQ720935 MPM720935 MZI720935 NJE720935 NTA720935 OCW720935 OMS720935 OWO720935 PGK720935 PQG720935 QAC720935 QJY720935 QTU720935 RDQ720935 RNM720935 RXI720935 SHE720935 SRA720935 TAW720935 TKS720935 TUO720935 UEK720935 UOG720935 UYC720935 VHY720935 VRU720935 WBQ720935 WLM720935 WVI720935 A786471 IW786471 SS786471 ACO786471 AMK786471 AWG786471 BGC786471 BPY786471 BZU786471 CJQ786471 CTM786471 DDI786471 DNE786471 DXA786471 EGW786471 EQS786471 FAO786471 FKK786471 FUG786471 GEC786471 GNY786471 GXU786471 HHQ786471 HRM786471 IBI786471 ILE786471 IVA786471 JEW786471 JOS786471 JYO786471 KIK786471 KSG786471 LCC786471 LLY786471 LVU786471 MFQ786471 MPM786471 MZI786471 NJE786471 NTA786471 OCW786471 OMS786471 OWO786471 PGK786471 PQG786471 QAC786471 QJY786471 QTU786471 RDQ786471 RNM786471 RXI786471 SHE786471 SRA786471 TAW786471 TKS786471 TUO786471 UEK786471 UOG786471 UYC786471 VHY786471 VRU786471 WBQ786471 WLM786471 WVI786471 A852007 IW852007 SS852007 ACO852007 AMK852007 AWG852007 BGC852007 BPY852007 BZU852007 CJQ852007 CTM852007 DDI852007 DNE852007 DXA852007 EGW852007 EQS852007 FAO852007 FKK852007 FUG852007 GEC852007 GNY852007 GXU852007 HHQ852007 HRM852007 IBI852007 ILE852007 IVA852007 JEW852007 JOS852007 JYO852007 KIK852007 KSG852007 LCC852007 LLY852007 LVU852007 MFQ852007 MPM852007 MZI852007 NJE852007 NTA852007 OCW852007 OMS852007 OWO852007 PGK852007 PQG852007 QAC852007 QJY852007 QTU852007 RDQ852007 RNM852007 RXI852007 SHE852007 SRA852007 TAW852007 TKS852007 TUO852007 UEK852007 UOG852007 UYC852007 VHY852007 VRU852007 WBQ852007 WLM852007 WVI852007 A917543 IW917543 SS917543 ACO917543 AMK917543 AWG917543 BGC917543 BPY917543 BZU917543 CJQ917543 CTM917543 DDI917543 DNE917543 DXA917543 EGW917543 EQS917543 FAO917543 FKK917543 FUG917543 GEC917543 GNY917543 GXU917543 HHQ917543 HRM917543 IBI917543 ILE917543 IVA917543 JEW917543 JOS917543 JYO917543 KIK917543 KSG917543 LCC917543 LLY917543 LVU917543 MFQ917543 MPM917543 MZI917543 NJE917543 NTA917543 OCW917543 OMS917543 OWO917543 PGK917543 PQG917543 QAC917543 QJY917543 QTU917543 RDQ917543 RNM917543 RXI917543 SHE917543 SRA917543 TAW917543 TKS917543 TUO917543 UEK917543 UOG917543 UYC917543 VHY917543 VRU917543 WBQ917543 WLM917543 WVI917543 A983079 IW983079 SS983079 ACO983079 AMK983079 AWG983079 BGC983079 BPY983079 BZU983079 CJQ983079 CTM983079 DDI983079 DNE983079 DXA983079 EGW983079 EQS983079 FAO983079 FKK983079 FUG983079 GEC983079 GNY983079 GXU983079 HHQ983079 HRM983079 IBI983079 ILE983079 IVA983079 JEW983079 JOS983079 JYO983079 KIK983079 KSG983079 LCC983079 LLY983079 LVU983079 MFQ983079 MPM983079 MZI983079 NJE983079 NTA983079 OCW983079 OMS983079 OWO983079 PGK983079 PQG983079 QAC983079 QJY983079 QTU983079 RDQ983079 RNM983079 RXI983079 SHE983079 SRA983079 TAW983079 TKS983079 TUO983079 UEK983079 UOG983079 UYC983079 VHY983079 VRU983079 WBQ983079 WLM983079 WVI983079 L39 JH39 TD39 ACZ39 AMV39 AWR39 BGN39 BQJ39 CAF39 CKB39 CTX39 DDT39 DNP39 DXL39 EHH39 ERD39 FAZ39 FKV39 FUR39 GEN39 GOJ39 GYF39 HIB39 HRX39 IBT39 ILP39 IVL39 JFH39 JPD39 JYZ39 KIV39 KSR39 LCN39 LMJ39 LWF39 MGB39 MPX39 MZT39 NJP39 NTL39 ODH39 OND39 OWZ39 PGV39 PQR39 QAN39 QKJ39 QUF39 REB39 RNX39 RXT39 SHP39 SRL39 TBH39 TLD39 TUZ39 UEV39 UOR39 UYN39 VIJ39 VSF39 WCB39 WLX39 WVT39 L65575 JH65575 TD65575 ACZ65575 AMV65575 AWR65575 BGN65575 BQJ65575 CAF65575 CKB65575 CTX65575 DDT65575 DNP65575 DXL65575 EHH65575 ERD65575 FAZ65575 FKV65575 FUR65575 GEN65575 GOJ65575 GYF65575 HIB65575 HRX65575 IBT65575 ILP65575 IVL65575 JFH65575 JPD65575 JYZ65575 KIV65575 KSR65575 LCN65575 LMJ65575 LWF65575 MGB65575 MPX65575 MZT65575 NJP65575 NTL65575 ODH65575 OND65575 OWZ65575 PGV65575 PQR65575 QAN65575 QKJ65575 QUF65575 REB65575 RNX65575 RXT65575 SHP65575 SRL65575 TBH65575 TLD65575 TUZ65575 UEV65575 UOR65575 UYN65575 VIJ65575 VSF65575 WCB65575 WLX65575 WVT65575 L131111 JH131111 TD131111 ACZ131111 AMV131111 AWR131111 BGN131111 BQJ131111 CAF131111 CKB131111 CTX131111 DDT131111 DNP131111 DXL131111 EHH131111 ERD131111 FAZ131111 FKV131111 FUR131111 GEN131111 GOJ131111 GYF131111 HIB131111 HRX131111 IBT131111 ILP131111 IVL131111 JFH131111 JPD131111 JYZ131111 KIV131111 KSR131111 LCN131111 LMJ131111 LWF131111 MGB131111 MPX131111 MZT131111 NJP131111 NTL131111 ODH131111 OND131111 OWZ131111 PGV131111 PQR131111 QAN131111 QKJ131111 QUF131111 REB131111 RNX131111 RXT131111 SHP131111 SRL131111 TBH131111 TLD131111 TUZ131111 UEV131111 UOR131111 UYN131111 VIJ131111 VSF131111 WCB131111 WLX131111 WVT131111 L196647 JH196647 TD196647 ACZ196647 AMV196647 AWR196647 BGN196647 BQJ196647 CAF196647 CKB196647 CTX196647 DDT196647 DNP196647 DXL196647 EHH196647 ERD196647 FAZ196647 FKV196647 FUR196647 GEN196647 GOJ196647 GYF196647 HIB196647 HRX196647 IBT196647 ILP196647 IVL196647 JFH196647 JPD196647 JYZ196647 KIV196647 KSR196647 LCN196647 LMJ196647 LWF196647 MGB196647 MPX196647 MZT196647 NJP196647 NTL196647 ODH196647 OND196647 OWZ196647 PGV196647 PQR196647 QAN196647 QKJ196647 QUF196647 REB196647 RNX196647 RXT196647 SHP196647 SRL196647 TBH196647 TLD196647 TUZ196647 UEV196647 UOR196647 UYN196647 VIJ196647 VSF196647 WCB196647 WLX196647 WVT196647 L262183 JH262183 TD262183 ACZ262183 AMV262183 AWR262183 BGN262183 BQJ262183 CAF262183 CKB262183 CTX262183 DDT262183 DNP262183 DXL262183 EHH262183 ERD262183 FAZ262183 FKV262183 FUR262183 GEN262183 GOJ262183 GYF262183 HIB262183 HRX262183 IBT262183 ILP262183 IVL262183 JFH262183 JPD262183 JYZ262183 KIV262183 KSR262183 LCN262183 LMJ262183 LWF262183 MGB262183 MPX262183 MZT262183 NJP262183 NTL262183 ODH262183 OND262183 OWZ262183 PGV262183 PQR262183 QAN262183 QKJ262183 QUF262183 REB262183 RNX262183 RXT262183 SHP262183 SRL262183 TBH262183 TLD262183 TUZ262183 UEV262183 UOR262183 UYN262183 VIJ262183 VSF262183 WCB262183 WLX262183 WVT262183 L327719 JH327719 TD327719 ACZ327719 AMV327719 AWR327719 BGN327719 BQJ327719 CAF327719 CKB327719 CTX327719 DDT327719 DNP327719 DXL327719 EHH327719 ERD327719 FAZ327719 FKV327719 FUR327719 GEN327719 GOJ327719 GYF327719 HIB327719 HRX327719 IBT327719 ILP327719 IVL327719 JFH327719 JPD327719 JYZ327719 KIV327719 KSR327719 LCN327719 LMJ327719 LWF327719 MGB327719 MPX327719 MZT327719 NJP327719 NTL327719 ODH327719 OND327719 OWZ327719 PGV327719 PQR327719 QAN327719 QKJ327719 QUF327719 REB327719 RNX327719 RXT327719 SHP327719 SRL327719 TBH327719 TLD327719 TUZ327719 UEV327719 UOR327719 UYN327719 VIJ327719 VSF327719 WCB327719 WLX327719 WVT327719 L393255 JH393255 TD393255 ACZ393255 AMV393255 AWR393255 BGN393255 BQJ393255 CAF393255 CKB393255 CTX393255 DDT393255 DNP393255 DXL393255 EHH393255 ERD393255 FAZ393255 FKV393255 FUR393255 GEN393255 GOJ393255 GYF393255 HIB393255 HRX393255 IBT393255 ILP393255 IVL393255 JFH393255 JPD393255 JYZ393255 KIV393255 KSR393255 LCN393255 LMJ393255 LWF393255 MGB393255 MPX393255 MZT393255 NJP393255 NTL393255 ODH393255 OND393255 OWZ393255 PGV393255 PQR393255 QAN393255 QKJ393255 QUF393255 REB393255 RNX393255 RXT393255 SHP393255 SRL393255 TBH393255 TLD393255 TUZ393255 UEV393255 UOR393255 UYN393255 VIJ393255 VSF393255 WCB393255 WLX393255 WVT393255 L458791 JH458791 TD458791 ACZ458791 AMV458791 AWR458791 BGN458791 BQJ458791 CAF458791 CKB458791 CTX458791 DDT458791 DNP458791 DXL458791 EHH458791 ERD458791 FAZ458791 FKV458791 FUR458791 GEN458791 GOJ458791 GYF458791 HIB458791 HRX458791 IBT458791 ILP458791 IVL458791 JFH458791 JPD458791 JYZ458791 KIV458791 KSR458791 LCN458791 LMJ458791 LWF458791 MGB458791 MPX458791 MZT458791 NJP458791 NTL458791 ODH458791 OND458791 OWZ458791 PGV458791 PQR458791 QAN458791 QKJ458791 QUF458791 REB458791 RNX458791 RXT458791 SHP458791 SRL458791 TBH458791 TLD458791 TUZ458791 UEV458791 UOR458791 UYN458791 VIJ458791 VSF458791 WCB458791 WLX458791 WVT458791 L524327 JH524327 TD524327 ACZ524327 AMV524327 AWR524327 BGN524327 BQJ524327 CAF524327 CKB524327 CTX524327 DDT524327 DNP524327 DXL524327 EHH524327 ERD524327 FAZ524327 FKV524327 FUR524327 GEN524327 GOJ524327 GYF524327 HIB524327 HRX524327 IBT524327 ILP524327 IVL524327 JFH524327 JPD524327 JYZ524327 KIV524327 KSR524327 LCN524327 LMJ524327 LWF524327 MGB524327 MPX524327 MZT524327 NJP524327 NTL524327 ODH524327 OND524327 OWZ524327 PGV524327 PQR524327 QAN524327 QKJ524327 QUF524327 REB524327 RNX524327 RXT524327 SHP524327 SRL524327 TBH524327 TLD524327 TUZ524327 UEV524327 UOR524327 UYN524327 VIJ524327 VSF524327 WCB524327 WLX524327 WVT524327 L589863 JH589863 TD589863 ACZ589863 AMV589863 AWR589863 BGN589863 BQJ589863 CAF589863 CKB589863 CTX589863 DDT589863 DNP589863 DXL589863 EHH589863 ERD589863 FAZ589863 FKV589863 FUR589863 GEN589863 GOJ589863 GYF589863 HIB589863 HRX589863 IBT589863 ILP589863 IVL589863 JFH589863 JPD589863 JYZ589863 KIV589863 KSR589863 LCN589863 LMJ589863 LWF589863 MGB589863 MPX589863 MZT589863 NJP589863 NTL589863 ODH589863 OND589863 OWZ589863 PGV589863 PQR589863 QAN589863 QKJ589863 QUF589863 REB589863 RNX589863 RXT589863 SHP589863 SRL589863 TBH589863 TLD589863 TUZ589863 UEV589863 UOR589863 UYN589863 VIJ589863 VSF589863 WCB589863 WLX589863 WVT589863 L655399 JH655399 TD655399 ACZ655399 AMV655399 AWR655399 BGN655399 BQJ655399 CAF655399 CKB655399 CTX655399 DDT655399 DNP655399 DXL655399 EHH655399 ERD655399 FAZ655399 FKV655399 FUR655399 GEN655399 GOJ655399 GYF655399 HIB655399 HRX655399 IBT655399 ILP655399 IVL655399 JFH655399 JPD655399 JYZ655399 KIV655399 KSR655399 LCN655399 LMJ655399 LWF655399 MGB655399 MPX655399 MZT655399 NJP655399 NTL655399 ODH655399 OND655399 OWZ655399 PGV655399 PQR655399 QAN655399 QKJ655399 QUF655399 REB655399 RNX655399 RXT655399 SHP655399 SRL655399 TBH655399 TLD655399 TUZ655399 UEV655399 UOR655399 UYN655399 VIJ655399 VSF655399 WCB655399 WLX655399 WVT655399 L720935 JH720935 TD720935 ACZ720935 AMV720935 AWR720935 BGN720935 BQJ720935 CAF720935 CKB720935 CTX720935 DDT720935 DNP720935 DXL720935 EHH720935 ERD720935 FAZ720935 FKV720935 FUR720935 GEN720935 GOJ720935 GYF720935 HIB720935 HRX720935 IBT720935 ILP720935 IVL720935 JFH720935 JPD720935 JYZ720935 KIV720935 KSR720935 LCN720935 LMJ720935 LWF720935 MGB720935 MPX720935 MZT720935 NJP720935 NTL720935 ODH720935 OND720935 OWZ720935 PGV720935 PQR720935 QAN720935 QKJ720935 QUF720935 REB720935 RNX720935 RXT720935 SHP720935 SRL720935 TBH720935 TLD720935 TUZ720935 UEV720935 UOR720935 UYN720935 VIJ720935 VSF720935 WCB720935 WLX720935 WVT720935 L786471 JH786471 TD786471 ACZ786471 AMV786471 AWR786471 BGN786471 BQJ786471 CAF786471 CKB786471 CTX786471 DDT786471 DNP786471 DXL786471 EHH786471 ERD786471 FAZ786471 FKV786471 FUR786471 GEN786471 GOJ786471 GYF786471 HIB786471 HRX786471 IBT786471 ILP786471 IVL786471 JFH786471 JPD786471 JYZ786471 KIV786471 KSR786471 LCN786471 LMJ786471 LWF786471 MGB786471 MPX786471 MZT786471 NJP786471 NTL786471 ODH786471 OND786471 OWZ786471 PGV786471 PQR786471 QAN786471 QKJ786471 QUF786471 REB786471 RNX786471 RXT786471 SHP786471 SRL786471 TBH786471 TLD786471 TUZ786471 UEV786471 UOR786471 UYN786471 VIJ786471 VSF786471 WCB786471 WLX786471 WVT786471 L852007 JH852007 TD852007 ACZ852007 AMV852007 AWR852007 BGN852007 BQJ852007 CAF852007 CKB852007 CTX852007 DDT852007 DNP852007 DXL852007 EHH852007 ERD852007 FAZ852007 FKV852007 FUR852007 GEN852007 GOJ852007 GYF852007 HIB852007 HRX852007 IBT852007 ILP852007 IVL852007 JFH852007 JPD852007 JYZ852007 KIV852007 KSR852007 LCN852007 LMJ852007 LWF852007 MGB852007 MPX852007 MZT852007 NJP852007 NTL852007 ODH852007 OND852007 OWZ852007 PGV852007 PQR852007 QAN852007 QKJ852007 QUF852007 REB852007 RNX852007 RXT852007 SHP852007 SRL852007 TBH852007 TLD852007 TUZ852007 UEV852007 UOR852007 UYN852007 VIJ852007 VSF852007 WCB852007 WLX852007 WVT852007 L917543 JH917543 TD917543 ACZ917543 AMV917543 AWR917543 BGN917543 BQJ917543 CAF917543 CKB917543 CTX917543 DDT917543 DNP917543 DXL917543 EHH917543 ERD917543 FAZ917543 FKV917543 FUR917543 GEN917543 GOJ917543 GYF917543 HIB917543 HRX917543 IBT917543 ILP917543 IVL917543 JFH917543 JPD917543 JYZ917543 KIV917543 KSR917543 LCN917543 LMJ917543 LWF917543 MGB917543 MPX917543 MZT917543 NJP917543 NTL917543 ODH917543 OND917543 OWZ917543 PGV917543 PQR917543 QAN917543 QKJ917543 QUF917543 REB917543 RNX917543 RXT917543 SHP917543 SRL917543 TBH917543 TLD917543 TUZ917543 UEV917543 UOR917543 UYN917543 VIJ917543 VSF917543 WCB917543 WLX917543 WVT917543 L983079 JH983079 TD983079 ACZ983079 AMV983079 AWR983079 BGN983079 BQJ983079 CAF983079 CKB983079 CTX983079 DDT983079 DNP983079 DXL983079 EHH983079 ERD983079 FAZ983079 FKV983079 FUR983079 GEN983079 GOJ983079 GYF983079 HIB983079 HRX983079 IBT983079 ILP983079 IVL983079 JFH983079 JPD983079 JYZ983079 KIV983079 KSR983079 LCN983079 LMJ983079 LWF983079 MGB983079 MPX983079 MZT983079 NJP983079 NTL983079 ODH983079 OND983079 OWZ983079 PGV983079 PQR983079 QAN983079 QKJ983079 QUF983079 REB983079 RNX983079 RXT983079 SHP983079 SRL983079 TBH983079 TLD983079 TUZ983079 UEV983079 UOR983079 UYN983079 VIJ983079 VSF983079 WCB983079 WLX983079 WVT983079 Y39:Y40 JU39:JU40 TQ39:TQ40 ADM39:ADM40 ANI39:ANI40 AXE39:AXE40 BHA39:BHA40 BQW39:BQW40 CAS39:CAS40 CKO39:CKO40 CUK39:CUK40 DEG39:DEG40 DOC39:DOC40 DXY39:DXY40 EHU39:EHU40 ERQ39:ERQ40 FBM39:FBM40 FLI39:FLI40 FVE39:FVE40 GFA39:GFA40 GOW39:GOW40 GYS39:GYS40 HIO39:HIO40 HSK39:HSK40 ICG39:ICG40 IMC39:IMC40 IVY39:IVY40 JFU39:JFU40 JPQ39:JPQ40 JZM39:JZM40 KJI39:KJI40 KTE39:KTE40 LDA39:LDA40 LMW39:LMW40 LWS39:LWS40 MGO39:MGO40 MQK39:MQK40 NAG39:NAG40 NKC39:NKC40 NTY39:NTY40 ODU39:ODU40 ONQ39:ONQ40 OXM39:OXM40 PHI39:PHI40 PRE39:PRE40 QBA39:QBA40 QKW39:QKW40 QUS39:QUS40 REO39:REO40 ROK39:ROK40 RYG39:RYG40 SIC39:SIC40 SRY39:SRY40 TBU39:TBU40 TLQ39:TLQ40 TVM39:TVM40 UFI39:UFI40 UPE39:UPE40 UZA39:UZA40 VIW39:VIW40 VSS39:VSS40 WCO39:WCO40 WMK39:WMK40 WWG39:WWG40 Y65575:Y65576 JU65575:JU65576 TQ65575:TQ65576 ADM65575:ADM65576 ANI65575:ANI65576 AXE65575:AXE65576 BHA65575:BHA65576 BQW65575:BQW65576 CAS65575:CAS65576 CKO65575:CKO65576 CUK65575:CUK65576 DEG65575:DEG65576 DOC65575:DOC65576 DXY65575:DXY65576 EHU65575:EHU65576 ERQ65575:ERQ65576 FBM65575:FBM65576 FLI65575:FLI65576 FVE65575:FVE65576 GFA65575:GFA65576 GOW65575:GOW65576 GYS65575:GYS65576 HIO65575:HIO65576 HSK65575:HSK65576 ICG65575:ICG65576 IMC65575:IMC65576 IVY65575:IVY65576 JFU65575:JFU65576 JPQ65575:JPQ65576 JZM65575:JZM65576 KJI65575:KJI65576 KTE65575:KTE65576 LDA65575:LDA65576 LMW65575:LMW65576 LWS65575:LWS65576 MGO65575:MGO65576 MQK65575:MQK65576 NAG65575:NAG65576 NKC65575:NKC65576 NTY65575:NTY65576 ODU65575:ODU65576 ONQ65575:ONQ65576 OXM65575:OXM65576 PHI65575:PHI65576 PRE65575:PRE65576 QBA65575:QBA65576 QKW65575:QKW65576 QUS65575:QUS65576 REO65575:REO65576 ROK65575:ROK65576 RYG65575:RYG65576 SIC65575:SIC65576 SRY65575:SRY65576 TBU65575:TBU65576 TLQ65575:TLQ65576 TVM65575:TVM65576 UFI65575:UFI65576 UPE65575:UPE65576 UZA65575:UZA65576 VIW65575:VIW65576 VSS65575:VSS65576 WCO65575:WCO65576 WMK65575:WMK65576 WWG65575:WWG65576 Y131111:Y131112 JU131111:JU131112 TQ131111:TQ131112 ADM131111:ADM131112 ANI131111:ANI131112 AXE131111:AXE131112 BHA131111:BHA131112 BQW131111:BQW131112 CAS131111:CAS131112 CKO131111:CKO131112 CUK131111:CUK131112 DEG131111:DEG131112 DOC131111:DOC131112 DXY131111:DXY131112 EHU131111:EHU131112 ERQ131111:ERQ131112 FBM131111:FBM131112 FLI131111:FLI131112 FVE131111:FVE131112 GFA131111:GFA131112 GOW131111:GOW131112 GYS131111:GYS131112 HIO131111:HIO131112 HSK131111:HSK131112 ICG131111:ICG131112 IMC131111:IMC131112 IVY131111:IVY131112 JFU131111:JFU131112 JPQ131111:JPQ131112 JZM131111:JZM131112 KJI131111:KJI131112 KTE131111:KTE131112 LDA131111:LDA131112 LMW131111:LMW131112 LWS131111:LWS131112 MGO131111:MGO131112 MQK131111:MQK131112 NAG131111:NAG131112 NKC131111:NKC131112 NTY131111:NTY131112 ODU131111:ODU131112 ONQ131111:ONQ131112 OXM131111:OXM131112 PHI131111:PHI131112 PRE131111:PRE131112 QBA131111:QBA131112 QKW131111:QKW131112 QUS131111:QUS131112 REO131111:REO131112 ROK131111:ROK131112 RYG131111:RYG131112 SIC131111:SIC131112 SRY131111:SRY131112 TBU131111:TBU131112 TLQ131111:TLQ131112 TVM131111:TVM131112 UFI131111:UFI131112 UPE131111:UPE131112 UZA131111:UZA131112 VIW131111:VIW131112 VSS131111:VSS131112 WCO131111:WCO131112 WMK131111:WMK131112 WWG131111:WWG131112 Y196647:Y196648 JU196647:JU196648 TQ196647:TQ196648 ADM196647:ADM196648 ANI196647:ANI196648 AXE196647:AXE196648 BHA196647:BHA196648 BQW196647:BQW196648 CAS196647:CAS196648 CKO196647:CKO196648 CUK196647:CUK196648 DEG196647:DEG196648 DOC196647:DOC196648 DXY196647:DXY196648 EHU196647:EHU196648 ERQ196647:ERQ196648 FBM196647:FBM196648 FLI196647:FLI196648 FVE196647:FVE196648 GFA196647:GFA196648 GOW196647:GOW196648 GYS196647:GYS196648 HIO196647:HIO196648 HSK196647:HSK196648 ICG196647:ICG196648 IMC196647:IMC196648 IVY196647:IVY196648 JFU196647:JFU196648 JPQ196647:JPQ196648 JZM196647:JZM196648 KJI196647:KJI196648 KTE196647:KTE196648 LDA196647:LDA196648 LMW196647:LMW196648 LWS196647:LWS196648 MGO196647:MGO196648 MQK196647:MQK196648 NAG196647:NAG196648 NKC196647:NKC196648 NTY196647:NTY196648 ODU196647:ODU196648 ONQ196647:ONQ196648 OXM196647:OXM196648 PHI196647:PHI196648 PRE196647:PRE196648 QBA196647:QBA196648 QKW196647:QKW196648 QUS196647:QUS196648 REO196647:REO196648 ROK196647:ROK196648 RYG196647:RYG196648 SIC196647:SIC196648 SRY196647:SRY196648 TBU196647:TBU196648 TLQ196647:TLQ196648 TVM196647:TVM196648 UFI196647:UFI196648 UPE196647:UPE196648 UZA196647:UZA196648 VIW196647:VIW196648 VSS196647:VSS196648 WCO196647:WCO196648 WMK196647:WMK196648 WWG196647:WWG196648 Y262183:Y262184 JU262183:JU262184 TQ262183:TQ262184 ADM262183:ADM262184 ANI262183:ANI262184 AXE262183:AXE262184 BHA262183:BHA262184 BQW262183:BQW262184 CAS262183:CAS262184 CKO262183:CKO262184 CUK262183:CUK262184 DEG262183:DEG262184 DOC262183:DOC262184 DXY262183:DXY262184 EHU262183:EHU262184 ERQ262183:ERQ262184 FBM262183:FBM262184 FLI262183:FLI262184 FVE262183:FVE262184 GFA262183:GFA262184 GOW262183:GOW262184 GYS262183:GYS262184 HIO262183:HIO262184 HSK262183:HSK262184 ICG262183:ICG262184 IMC262183:IMC262184 IVY262183:IVY262184 JFU262183:JFU262184 JPQ262183:JPQ262184 JZM262183:JZM262184 KJI262183:KJI262184 KTE262183:KTE262184 LDA262183:LDA262184 LMW262183:LMW262184 LWS262183:LWS262184 MGO262183:MGO262184 MQK262183:MQK262184 NAG262183:NAG262184 NKC262183:NKC262184 NTY262183:NTY262184 ODU262183:ODU262184 ONQ262183:ONQ262184 OXM262183:OXM262184 PHI262183:PHI262184 PRE262183:PRE262184 QBA262183:QBA262184 QKW262183:QKW262184 QUS262183:QUS262184 REO262183:REO262184 ROK262183:ROK262184 RYG262183:RYG262184 SIC262183:SIC262184 SRY262183:SRY262184 TBU262183:TBU262184 TLQ262183:TLQ262184 TVM262183:TVM262184 UFI262183:UFI262184 UPE262183:UPE262184 UZA262183:UZA262184 VIW262183:VIW262184 VSS262183:VSS262184 WCO262183:WCO262184 WMK262183:WMK262184 WWG262183:WWG262184 Y327719:Y327720 JU327719:JU327720 TQ327719:TQ327720 ADM327719:ADM327720 ANI327719:ANI327720 AXE327719:AXE327720 BHA327719:BHA327720 BQW327719:BQW327720 CAS327719:CAS327720 CKO327719:CKO327720 CUK327719:CUK327720 DEG327719:DEG327720 DOC327719:DOC327720 DXY327719:DXY327720 EHU327719:EHU327720 ERQ327719:ERQ327720 FBM327719:FBM327720 FLI327719:FLI327720 FVE327719:FVE327720 GFA327719:GFA327720 GOW327719:GOW327720 GYS327719:GYS327720 HIO327719:HIO327720 HSK327719:HSK327720 ICG327719:ICG327720 IMC327719:IMC327720 IVY327719:IVY327720 JFU327719:JFU327720 JPQ327719:JPQ327720 JZM327719:JZM327720 KJI327719:KJI327720 KTE327719:KTE327720 LDA327719:LDA327720 LMW327719:LMW327720 LWS327719:LWS327720 MGO327719:MGO327720 MQK327719:MQK327720 NAG327719:NAG327720 NKC327719:NKC327720 NTY327719:NTY327720 ODU327719:ODU327720 ONQ327719:ONQ327720 OXM327719:OXM327720 PHI327719:PHI327720 PRE327719:PRE327720 QBA327719:QBA327720 QKW327719:QKW327720 QUS327719:QUS327720 REO327719:REO327720 ROK327719:ROK327720 RYG327719:RYG327720 SIC327719:SIC327720 SRY327719:SRY327720 TBU327719:TBU327720 TLQ327719:TLQ327720 TVM327719:TVM327720 UFI327719:UFI327720 UPE327719:UPE327720 UZA327719:UZA327720 VIW327719:VIW327720 VSS327719:VSS327720 WCO327719:WCO327720 WMK327719:WMK327720 WWG327719:WWG327720 Y393255:Y393256 JU393255:JU393256 TQ393255:TQ393256 ADM393255:ADM393256 ANI393255:ANI393256 AXE393255:AXE393256 BHA393255:BHA393256 BQW393255:BQW393256 CAS393255:CAS393256 CKO393255:CKO393256 CUK393255:CUK393256 DEG393255:DEG393256 DOC393255:DOC393256 DXY393255:DXY393256 EHU393255:EHU393256 ERQ393255:ERQ393256 FBM393255:FBM393256 FLI393255:FLI393256 FVE393255:FVE393256 GFA393255:GFA393256 GOW393255:GOW393256 GYS393255:GYS393256 HIO393255:HIO393256 HSK393255:HSK393256 ICG393255:ICG393256 IMC393255:IMC393256 IVY393255:IVY393256 JFU393255:JFU393256 JPQ393255:JPQ393256 JZM393255:JZM393256 KJI393255:KJI393256 KTE393255:KTE393256 LDA393255:LDA393256 LMW393255:LMW393256 LWS393255:LWS393256 MGO393255:MGO393256 MQK393255:MQK393256 NAG393255:NAG393256 NKC393255:NKC393256 NTY393255:NTY393256 ODU393255:ODU393256 ONQ393255:ONQ393256 OXM393255:OXM393256 PHI393255:PHI393256 PRE393255:PRE393256 QBA393255:QBA393256 QKW393255:QKW393256 QUS393255:QUS393256 REO393255:REO393256 ROK393255:ROK393256 RYG393255:RYG393256 SIC393255:SIC393256 SRY393255:SRY393256 TBU393255:TBU393256 TLQ393255:TLQ393256 TVM393255:TVM393256 UFI393255:UFI393256 UPE393255:UPE393256 UZA393255:UZA393256 VIW393255:VIW393256 VSS393255:VSS393256 WCO393255:WCO393256 WMK393255:WMK393256 WWG393255:WWG393256 Y458791:Y458792 JU458791:JU458792 TQ458791:TQ458792 ADM458791:ADM458792 ANI458791:ANI458792 AXE458791:AXE458792 BHA458791:BHA458792 BQW458791:BQW458792 CAS458791:CAS458792 CKO458791:CKO458792 CUK458791:CUK458792 DEG458791:DEG458792 DOC458791:DOC458792 DXY458791:DXY458792 EHU458791:EHU458792 ERQ458791:ERQ458792 FBM458791:FBM458792 FLI458791:FLI458792 FVE458791:FVE458792 GFA458791:GFA458792 GOW458791:GOW458792 GYS458791:GYS458792 HIO458791:HIO458792 HSK458791:HSK458792 ICG458791:ICG458792 IMC458791:IMC458792 IVY458791:IVY458792 JFU458791:JFU458792 JPQ458791:JPQ458792 JZM458791:JZM458792 KJI458791:KJI458792 KTE458791:KTE458792 LDA458791:LDA458792 LMW458791:LMW458792 LWS458791:LWS458792 MGO458791:MGO458792 MQK458791:MQK458792 NAG458791:NAG458792 NKC458791:NKC458792 NTY458791:NTY458792 ODU458791:ODU458792 ONQ458791:ONQ458792 OXM458791:OXM458792 PHI458791:PHI458792 PRE458791:PRE458792 QBA458791:QBA458792 QKW458791:QKW458792 QUS458791:QUS458792 REO458791:REO458792 ROK458791:ROK458792 RYG458791:RYG458792 SIC458791:SIC458792 SRY458791:SRY458792 TBU458791:TBU458792 TLQ458791:TLQ458792 TVM458791:TVM458792 UFI458791:UFI458792 UPE458791:UPE458792 UZA458791:UZA458792 VIW458791:VIW458792 VSS458791:VSS458792 WCO458791:WCO458792 WMK458791:WMK458792 WWG458791:WWG458792 Y524327:Y524328 JU524327:JU524328 TQ524327:TQ524328 ADM524327:ADM524328 ANI524327:ANI524328 AXE524327:AXE524328 BHA524327:BHA524328 BQW524327:BQW524328 CAS524327:CAS524328 CKO524327:CKO524328 CUK524327:CUK524328 DEG524327:DEG524328 DOC524327:DOC524328 DXY524327:DXY524328 EHU524327:EHU524328 ERQ524327:ERQ524328 FBM524327:FBM524328 FLI524327:FLI524328 FVE524327:FVE524328 GFA524327:GFA524328 GOW524327:GOW524328 GYS524327:GYS524328 HIO524327:HIO524328 HSK524327:HSK524328 ICG524327:ICG524328 IMC524327:IMC524328 IVY524327:IVY524328 JFU524327:JFU524328 JPQ524327:JPQ524328 JZM524327:JZM524328 KJI524327:KJI524328 KTE524327:KTE524328 LDA524327:LDA524328 LMW524327:LMW524328 LWS524327:LWS524328 MGO524327:MGO524328 MQK524327:MQK524328 NAG524327:NAG524328 NKC524327:NKC524328 NTY524327:NTY524328 ODU524327:ODU524328 ONQ524327:ONQ524328 OXM524327:OXM524328 PHI524327:PHI524328 PRE524327:PRE524328 QBA524327:QBA524328 QKW524327:QKW524328 QUS524327:QUS524328 REO524327:REO524328 ROK524327:ROK524328 RYG524327:RYG524328 SIC524327:SIC524328 SRY524327:SRY524328 TBU524327:TBU524328 TLQ524327:TLQ524328 TVM524327:TVM524328 UFI524327:UFI524328 UPE524327:UPE524328 UZA524327:UZA524328 VIW524327:VIW524328 VSS524327:VSS524328 WCO524327:WCO524328 WMK524327:WMK524328 WWG524327:WWG524328 Y589863:Y589864 JU589863:JU589864 TQ589863:TQ589864 ADM589863:ADM589864 ANI589863:ANI589864 AXE589863:AXE589864 BHA589863:BHA589864 BQW589863:BQW589864 CAS589863:CAS589864 CKO589863:CKO589864 CUK589863:CUK589864 DEG589863:DEG589864 DOC589863:DOC589864 DXY589863:DXY589864 EHU589863:EHU589864 ERQ589863:ERQ589864 FBM589863:FBM589864 FLI589863:FLI589864 FVE589863:FVE589864 GFA589863:GFA589864 GOW589863:GOW589864 GYS589863:GYS589864 HIO589863:HIO589864 HSK589863:HSK589864 ICG589863:ICG589864 IMC589863:IMC589864 IVY589863:IVY589864 JFU589863:JFU589864 JPQ589863:JPQ589864 JZM589863:JZM589864 KJI589863:KJI589864 KTE589863:KTE589864 LDA589863:LDA589864 LMW589863:LMW589864 LWS589863:LWS589864 MGO589863:MGO589864 MQK589863:MQK589864 NAG589863:NAG589864 NKC589863:NKC589864 NTY589863:NTY589864 ODU589863:ODU589864 ONQ589863:ONQ589864 OXM589863:OXM589864 PHI589863:PHI589864 PRE589863:PRE589864 QBA589863:QBA589864 QKW589863:QKW589864 QUS589863:QUS589864 REO589863:REO589864 ROK589863:ROK589864 RYG589863:RYG589864 SIC589863:SIC589864 SRY589863:SRY589864 TBU589863:TBU589864 TLQ589863:TLQ589864 TVM589863:TVM589864 UFI589863:UFI589864 UPE589863:UPE589864 UZA589863:UZA589864 VIW589863:VIW589864 VSS589863:VSS589864 WCO589863:WCO589864 WMK589863:WMK589864 WWG589863:WWG589864 Y655399:Y655400 JU655399:JU655400 TQ655399:TQ655400 ADM655399:ADM655400 ANI655399:ANI655400 AXE655399:AXE655400 BHA655399:BHA655400 BQW655399:BQW655400 CAS655399:CAS655400 CKO655399:CKO655400 CUK655399:CUK655400 DEG655399:DEG655400 DOC655399:DOC655400 DXY655399:DXY655400 EHU655399:EHU655400 ERQ655399:ERQ655400 FBM655399:FBM655400 FLI655399:FLI655400 FVE655399:FVE655400 GFA655399:GFA655400 GOW655399:GOW655400 GYS655399:GYS655400 HIO655399:HIO655400 HSK655399:HSK655400 ICG655399:ICG655400 IMC655399:IMC655400 IVY655399:IVY655400 JFU655399:JFU655400 JPQ655399:JPQ655400 JZM655399:JZM655400 KJI655399:KJI655400 KTE655399:KTE655400 LDA655399:LDA655400 LMW655399:LMW655400 LWS655399:LWS655400 MGO655399:MGO655400 MQK655399:MQK655400 NAG655399:NAG655400 NKC655399:NKC655400 NTY655399:NTY655400 ODU655399:ODU655400 ONQ655399:ONQ655400 OXM655399:OXM655400 PHI655399:PHI655400 PRE655399:PRE655400 QBA655399:QBA655400 QKW655399:QKW655400 QUS655399:QUS655400 REO655399:REO655400 ROK655399:ROK655400 RYG655399:RYG655400 SIC655399:SIC655400 SRY655399:SRY655400 TBU655399:TBU655400 TLQ655399:TLQ655400 TVM655399:TVM655400 UFI655399:UFI655400 UPE655399:UPE655400 UZA655399:UZA655400 VIW655399:VIW655400 VSS655399:VSS655400 WCO655399:WCO655400 WMK655399:WMK655400 WWG655399:WWG655400 Y720935:Y720936 JU720935:JU720936 TQ720935:TQ720936 ADM720935:ADM720936 ANI720935:ANI720936 AXE720935:AXE720936 BHA720935:BHA720936 BQW720935:BQW720936 CAS720935:CAS720936 CKO720935:CKO720936 CUK720935:CUK720936 DEG720935:DEG720936 DOC720935:DOC720936 DXY720935:DXY720936 EHU720935:EHU720936 ERQ720935:ERQ720936 FBM720935:FBM720936 FLI720935:FLI720936 FVE720935:FVE720936 GFA720935:GFA720936 GOW720935:GOW720936 GYS720935:GYS720936 HIO720935:HIO720936 HSK720935:HSK720936 ICG720935:ICG720936 IMC720935:IMC720936 IVY720935:IVY720936 JFU720935:JFU720936 JPQ720935:JPQ720936 JZM720935:JZM720936 KJI720935:KJI720936 KTE720935:KTE720936 LDA720935:LDA720936 LMW720935:LMW720936 LWS720935:LWS720936 MGO720935:MGO720936 MQK720935:MQK720936 NAG720935:NAG720936 NKC720935:NKC720936 NTY720935:NTY720936 ODU720935:ODU720936 ONQ720935:ONQ720936 OXM720935:OXM720936 PHI720935:PHI720936 PRE720935:PRE720936 QBA720935:QBA720936 QKW720935:QKW720936 QUS720935:QUS720936 REO720935:REO720936 ROK720935:ROK720936 RYG720935:RYG720936 SIC720935:SIC720936 SRY720935:SRY720936 TBU720935:TBU720936 TLQ720935:TLQ720936 TVM720935:TVM720936 UFI720935:UFI720936 UPE720935:UPE720936 UZA720935:UZA720936 VIW720935:VIW720936 VSS720935:VSS720936 WCO720935:WCO720936 WMK720935:WMK720936 WWG720935:WWG720936 Y786471:Y786472 JU786471:JU786472 TQ786471:TQ786472 ADM786471:ADM786472 ANI786471:ANI786472 AXE786471:AXE786472 BHA786471:BHA786472 BQW786471:BQW786472 CAS786471:CAS786472 CKO786471:CKO786472 CUK786471:CUK786472 DEG786471:DEG786472 DOC786471:DOC786472 DXY786471:DXY786472 EHU786471:EHU786472 ERQ786471:ERQ786472 FBM786471:FBM786472 FLI786471:FLI786472 FVE786471:FVE786472 GFA786471:GFA786472 GOW786471:GOW786472 GYS786471:GYS786472 HIO786471:HIO786472 HSK786471:HSK786472 ICG786471:ICG786472 IMC786471:IMC786472 IVY786471:IVY786472 JFU786471:JFU786472 JPQ786471:JPQ786472 JZM786471:JZM786472 KJI786471:KJI786472 KTE786471:KTE786472 LDA786471:LDA786472 LMW786471:LMW786472 LWS786471:LWS786472 MGO786471:MGO786472 MQK786471:MQK786472 NAG786471:NAG786472 NKC786471:NKC786472 NTY786471:NTY786472 ODU786471:ODU786472 ONQ786471:ONQ786472 OXM786471:OXM786472 PHI786471:PHI786472 PRE786471:PRE786472 QBA786471:QBA786472 QKW786471:QKW786472 QUS786471:QUS786472 REO786471:REO786472 ROK786471:ROK786472 RYG786471:RYG786472 SIC786471:SIC786472 SRY786471:SRY786472 TBU786471:TBU786472 TLQ786471:TLQ786472 TVM786471:TVM786472 UFI786471:UFI786472 UPE786471:UPE786472 UZA786471:UZA786472 VIW786471:VIW786472 VSS786471:VSS786472 WCO786471:WCO786472 WMK786471:WMK786472 WWG786471:WWG786472 Y852007:Y852008 JU852007:JU852008 TQ852007:TQ852008 ADM852007:ADM852008 ANI852007:ANI852008 AXE852007:AXE852008 BHA852007:BHA852008 BQW852007:BQW852008 CAS852007:CAS852008 CKO852007:CKO852008 CUK852007:CUK852008 DEG852007:DEG852008 DOC852007:DOC852008 DXY852007:DXY852008 EHU852007:EHU852008 ERQ852007:ERQ852008 FBM852007:FBM852008 FLI852007:FLI852008 FVE852007:FVE852008 GFA852007:GFA852008 GOW852007:GOW852008 GYS852007:GYS852008 HIO852007:HIO852008 HSK852007:HSK852008 ICG852007:ICG852008 IMC852007:IMC852008 IVY852007:IVY852008 JFU852007:JFU852008 JPQ852007:JPQ852008 JZM852007:JZM852008 KJI852007:KJI852008 KTE852007:KTE852008 LDA852007:LDA852008 LMW852007:LMW852008 LWS852007:LWS852008 MGO852007:MGO852008 MQK852007:MQK852008 NAG852007:NAG852008 NKC852007:NKC852008 NTY852007:NTY852008 ODU852007:ODU852008 ONQ852007:ONQ852008 OXM852007:OXM852008 PHI852007:PHI852008 PRE852007:PRE852008 QBA852007:QBA852008 QKW852007:QKW852008 QUS852007:QUS852008 REO852007:REO852008 ROK852007:ROK852008 RYG852007:RYG852008 SIC852007:SIC852008 SRY852007:SRY852008 TBU852007:TBU852008 TLQ852007:TLQ852008 TVM852007:TVM852008 UFI852007:UFI852008 UPE852007:UPE852008 UZA852007:UZA852008 VIW852007:VIW852008 VSS852007:VSS852008 WCO852007:WCO852008 WMK852007:WMK852008 WWG852007:WWG852008 Y917543:Y917544 JU917543:JU917544 TQ917543:TQ917544 ADM917543:ADM917544 ANI917543:ANI917544 AXE917543:AXE917544 BHA917543:BHA917544 BQW917543:BQW917544 CAS917543:CAS917544 CKO917543:CKO917544 CUK917543:CUK917544 DEG917543:DEG917544 DOC917543:DOC917544 DXY917543:DXY917544 EHU917543:EHU917544 ERQ917543:ERQ917544 FBM917543:FBM917544 FLI917543:FLI917544 FVE917543:FVE917544 GFA917543:GFA917544 GOW917543:GOW917544 GYS917543:GYS917544 HIO917543:HIO917544 HSK917543:HSK917544 ICG917543:ICG917544 IMC917543:IMC917544 IVY917543:IVY917544 JFU917543:JFU917544 JPQ917543:JPQ917544 JZM917543:JZM917544 KJI917543:KJI917544 KTE917543:KTE917544 LDA917543:LDA917544 LMW917543:LMW917544 LWS917543:LWS917544 MGO917543:MGO917544 MQK917543:MQK917544 NAG917543:NAG917544 NKC917543:NKC917544 NTY917543:NTY917544 ODU917543:ODU917544 ONQ917543:ONQ917544 OXM917543:OXM917544 PHI917543:PHI917544 PRE917543:PRE917544 QBA917543:QBA917544 QKW917543:QKW917544 QUS917543:QUS917544 REO917543:REO917544 ROK917543:ROK917544 RYG917543:RYG917544 SIC917543:SIC917544 SRY917543:SRY917544 TBU917543:TBU917544 TLQ917543:TLQ917544 TVM917543:TVM917544 UFI917543:UFI917544 UPE917543:UPE917544 UZA917543:UZA917544 VIW917543:VIW917544 VSS917543:VSS917544 WCO917543:WCO917544 WMK917543:WMK917544 WWG917543:WWG917544 Y983079:Y983080 JU983079:JU983080 TQ983079:TQ983080 ADM983079:ADM983080 ANI983079:ANI983080 AXE983079:AXE983080 BHA983079:BHA983080 BQW983079:BQW983080 CAS983079:CAS983080 CKO983079:CKO983080 CUK983079:CUK983080 DEG983079:DEG983080 DOC983079:DOC983080 DXY983079:DXY983080 EHU983079:EHU983080 ERQ983079:ERQ983080 FBM983079:FBM983080 FLI983079:FLI983080 FVE983079:FVE983080 GFA983079:GFA983080 GOW983079:GOW983080 GYS983079:GYS983080 HIO983079:HIO983080 HSK983079:HSK983080 ICG983079:ICG983080 IMC983079:IMC983080 IVY983079:IVY983080 JFU983079:JFU983080 JPQ983079:JPQ983080 JZM983079:JZM983080 KJI983079:KJI983080 KTE983079:KTE983080 LDA983079:LDA983080 LMW983079:LMW983080 LWS983079:LWS983080 MGO983079:MGO983080 MQK983079:MQK983080 NAG983079:NAG983080 NKC983079:NKC983080 NTY983079:NTY983080 ODU983079:ODU983080 ONQ983079:ONQ983080 OXM983079:OXM983080 PHI983079:PHI983080 PRE983079:PRE983080 QBA983079:QBA983080 QKW983079:QKW983080 QUS983079:QUS983080 REO983079:REO983080 ROK983079:ROK983080 RYG983079:RYG983080 SIC983079:SIC983080 SRY983079:SRY983080 TBU983079:TBU983080 TLQ983079:TLQ983080 TVM983079:TVM983080 UFI983079:UFI983080 UPE983079:UPE983080 UZA983079:UZA983080 VIW983079:VIW983080 VSS983079:VSS983080 WCO983079:WCO983080 WMK983079:WMK983080 WWG983079:WWG983080 AC39:AC40 JY39:JY40 TU39:TU40 ADQ39:ADQ40 ANM39:ANM40 AXI39:AXI40 BHE39:BHE40 BRA39:BRA40 CAW39:CAW40 CKS39:CKS40 CUO39:CUO40 DEK39:DEK40 DOG39:DOG40 DYC39:DYC40 EHY39:EHY40 ERU39:ERU40 FBQ39:FBQ40 FLM39:FLM40 FVI39:FVI40 GFE39:GFE40 GPA39:GPA40 GYW39:GYW40 HIS39:HIS40 HSO39:HSO40 ICK39:ICK40 IMG39:IMG40 IWC39:IWC40 JFY39:JFY40 JPU39:JPU40 JZQ39:JZQ40 KJM39:KJM40 KTI39:KTI40 LDE39:LDE40 LNA39:LNA40 LWW39:LWW40 MGS39:MGS40 MQO39:MQO40 NAK39:NAK40 NKG39:NKG40 NUC39:NUC40 ODY39:ODY40 ONU39:ONU40 OXQ39:OXQ40 PHM39:PHM40 PRI39:PRI40 QBE39:QBE40 QLA39:QLA40 QUW39:QUW40 RES39:RES40 ROO39:ROO40 RYK39:RYK40 SIG39:SIG40 SSC39:SSC40 TBY39:TBY40 TLU39:TLU40 TVQ39:TVQ40 UFM39:UFM40 UPI39:UPI40 UZE39:UZE40 VJA39:VJA40 VSW39:VSW40 WCS39:WCS40 WMO39:WMO40 WWK39:WWK40 AC65575:AC65576 JY65575:JY65576 TU65575:TU65576 ADQ65575:ADQ65576 ANM65575:ANM65576 AXI65575:AXI65576 BHE65575:BHE65576 BRA65575:BRA65576 CAW65575:CAW65576 CKS65575:CKS65576 CUO65575:CUO65576 DEK65575:DEK65576 DOG65575:DOG65576 DYC65575:DYC65576 EHY65575:EHY65576 ERU65575:ERU65576 FBQ65575:FBQ65576 FLM65575:FLM65576 FVI65575:FVI65576 GFE65575:GFE65576 GPA65575:GPA65576 GYW65575:GYW65576 HIS65575:HIS65576 HSO65575:HSO65576 ICK65575:ICK65576 IMG65575:IMG65576 IWC65575:IWC65576 JFY65575:JFY65576 JPU65575:JPU65576 JZQ65575:JZQ65576 KJM65575:KJM65576 KTI65575:KTI65576 LDE65575:LDE65576 LNA65575:LNA65576 LWW65575:LWW65576 MGS65575:MGS65576 MQO65575:MQO65576 NAK65575:NAK65576 NKG65575:NKG65576 NUC65575:NUC65576 ODY65575:ODY65576 ONU65575:ONU65576 OXQ65575:OXQ65576 PHM65575:PHM65576 PRI65575:PRI65576 QBE65575:QBE65576 QLA65575:QLA65576 QUW65575:QUW65576 RES65575:RES65576 ROO65575:ROO65576 RYK65575:RYK65576 SIG65575:SIG65576 SSC65575:SSC65576 TBY65575:TBY65576 TLU65575:TLU65576 TVQ65575:TVQ65576 UFM65575:UFM65576 UPI65575:UPI65576 UZE65575:UZE65576 VJA65575:VJA65576 VSW65575:VSW65576 WCS65575:WCS65576 WMO65575:WMO65576 WWK65575:WWK65576 AC131111:AC131112 JY131111:JY131112 TU131111:TU131112 ADQ131111:ADQ131112 ANM131111:ANM131112 AXI131111:AXI131112 BHE131111:BHE131112 BRA131111:BRA131112 CAW131111:CAW131112 CKS131111:CKS131112 CUO131111:CUO131112 DEK131111:DEK131112 DOG131111:DOG131112 DYC131111:DYC131112 EHY131111:EHY131112 ERU131111:ERU131112 FBQ131111:FBQ131112 FLM131111:FLM131112 FVI131111:FVI131112 GFE131111:GFE131112 GPA131111:GPA131112 GYW131111:GYW131112 HIS131111:HIS131112 HSO131111:HSO131112 ICK131111:ICK131112 IMG131111:IMG131112 IWC131111:IWC131112 JFY131111:JFY131112 JPU131111:JPU131112 JZQ131111:JZQ131112 KJM131111:KJM131112 KTI131111:KTI131112 LDE131111:LDE131112 LNA131111:LNA131112 LWW131111:LWW131112 MGS131111:MGS131112 MQO131111:MQO131112 NAK131111:NAK131112 NKG131111:NKG131112 NUC131111:NUC131112 ODY131111:ODY131112 ONU131111:ONU131112 OXQ131111:OXQ131112 PHM131111:PHM131112 PRI131111:PRI131112 QBE131111:QBE131112 QLA131111:QLA131112 QUW131111:QUW131112 RES131111:RES131112 ROO131111:ROO131112 RYK131111:RYK131112 SIG131111:SIG131112 SSC131111:SSC131112 TBY131111:TBY131112 TLU131111:TLU131112 TVQ131111:TVQ131112 UFM131111:UFM131112 UPI131111:UPI131112 UZE131111:UZE131112 VJA131111:VJA131112 VSW131111:VSW131112 WCS131111:WCS131112 WMO131111:WMO131112 WWK131111:WWK131112 AC196647:AC196648 JY196647:JY196648 TU196647:TU196648 ADQ196647:ADQ196648 ANM196647:ANM196648 AXI196647:AXI196648 BHE196647:BHE196648 BRA196647:BRA196648 CAW196647:CAW196648 CKS196647:CKS196648 CUO196647:CUO196648 DEK196647:DEK196648 DOG196647:DOG196648 DYC196647:DYC196648 EHY196647:EHY196648 ERU196647:ERU196648 FBQ196647:FBQ196648 FLM196647:FLM196648 FVI196647:FVI196648 GFE196647:GFE196648 GPA196647:GPA196648 GYW196647:GYW196648 HIS196647:HIS196648 HSO196647:HSO196648 ICK196647:ICK196648 IMG196647:IMG196648 IWC196647:IWC196648 JFY196647:JFY196648 JPU196647:JPU196648 JZQ196647:JZQ196648 KJM196647:KJM196648 KTI196647:KTI196648 LDE196647:LDE196648 LNA196647:LNA196648 LWW196647:LWW196648 MGS196647:MGS196648 MQO196647:MQO196648 NAK196647:NAK196648 NKG196647:NKG196648 NUC196647:NUC196648 ODY196647:ODY196648 ONU196647:ONU196648 OXQ196647:OXQ196648 PHM196647:PHM196648 PRI196647:PRI196648 QBE196647:QBE196648 QLA196647:QLA196648 QUW196647:QUW196648 RES196647:RES196648 ROO196647:ROO196648 RYK196647:RYK196648 SIG196647:SIG196648 SSC196647:SSC196648 TBY196647:TBY196648 TLU196647:TLU196648 TVQ196647:TVQ196648 UFM196647:UFM196648 UPI196647:UPI196648 UZE196647:UZE196648 VJA196647:VJA196648 VSW196647:VSW196648 WCS196647:WCS196648 WMO196647:WMO196648 WWK196647:WWK196648 AC262183:AC262184 JY262183:JY262184 TU262183:TU262184 ADQ262183:ADQ262184 ANM262183:ANM262184 AXI262183:AXI262184 BHE262183:BHE262184 BRA262183:BRA262184 CAW262183:CAW262184 CKS262183:CKS262184 CUO262183:CUO262184 DEK262183:DEK262184 DOG262183:DOG262184 DYC262183:DYC262184 EHY262183:EHY262184 ERU262183:ERU262184 FBQ262183:FBQ262184 FLM262183:FLM262184 FVI262183:FVI262184 GFE262183:GFE262184 GPA262183:GPA262184 GYW262183:GYW262184 HIS262183:HIS262184 HSO262183:HSO262184 ICK262183:ICK262184 IMG262183:IMG262184 IWC262183:IWC262184 JFY262183:JFY262184 JPU262183:JPU262184 JZQ262183:JZQ262184 KJM262183:KJM262184 KTI262183:KTI262184 LDE262183:LDE262184 LNA262183:LNA262184 LWW262183:LWW262184 MGS262183:MGS262184 MQO262183:MQO262184 NAK262183:NAK262184 NKG262183:NKG262184 NUC262183:NUC262184 ODY262183:ODY262184 ONU262183:ONU262184 OXQ262183:OXQ262184 PHM262183:PHM262184 PRI262183:PRI262184 QBE262183:QBE262184 QLA262183:QLA262184 QUW262183:QUW262184 RES262183:RES262184 ROO262183:ROO262184 RYK262183:RYK262184 SIG262183:SIG262184 SSC262183:SSC262184 TBY262183:TBY262184 TLU262183:TLU262184 TVQ262183:TVQ262184 UFM262183:UFM262184 UPI262183:UPI262184 UZE262183:UZE262184 VJA262183:VJA262184 VSW262183:VSW262184 WCS262183:WCS262184 WMO262183:WMO262184 WWK262183:WWK262184 AC327719:AC327720 JY327719:JY327720 TU327719:TU327720 ADQ327719:ADQ327720 ANM327719:ANM327720 AXI327719:AXI327720 BHE327719:BHE327720 BRA327719:BRA327720 CAW327719:CAW327720 CKS327719:CKS327720 CUO327719:CUO327720 DEK327719:DEK327720 DOG327719:DOG327720 DYC327719:DYC327720 EHY327719:EHY327720 ERU327719:ERU327720 FBQ327719:FBQ327720 FLM327719:FLM327720 FVI327719:FVI327720 GFE327719:GFE327720 GPA327719:GPA327720 GYW327719:GYW327720 HIS327719:HIS327720 HSO327719:HSO327720 ICK327719:ICK327720 IMG327719:IMG327720 IWC327719:IWC327720 JFY327719:JFY327720 JPU327719:JPU327720 JZQ327719:JZQ327720 KJM327719:KJM327720 KTI327719:KTI327720 LDE327719:LDE327720 LNA327719:LNA327720 LWW327719:LWW327720 MGS327719:MGS327720 MQO327719:MQO327720 NAK327719:NAK327720 NKG327719:NKG327720 NUC327719:NUC327720 ODY327719:ODY327720 ONU327719:ONU327720 OXQ327719:OXQ327720 PHM327719:PHM327720 PRI327719:PRI327720 QBE327719:QBE327720 QLA327719:QLA327720 QUW327719:QUW327720 RES327719:RES327720 ROO327719:ROO327720 RYK327719:RYK327720 SIG327719:SIG327720 SSC327719:SSC327720 TBY327719:TBY327720 TLU327719:TLU327720 TVQ327719:TVQ327720 UFM327719:UFM327720 UPI327719:UPI327720 UZE327719:UZE327720 VJA327719:VJA327720 VSW327719:VSW327720 WCS327719:WCS327720 WMO327719:WMO327720 WWK327719:WWK327720 AC393255:AC393256 JY393255:JY393256 TU393255:TU393256 ADQ393255:ADQ393256 ANM393255:ANM393256 AXI393255:AXI393256 BHE393255:BHE393256 BRA393255:BRA393256 CAW393255:CAW393256 CKS393255:CKS393256 CUO393255:CUO393256 DEK393255:DEK393256 DOG393255:DOG393256 DYC393255:DYC393256 EHY393255:EHY393256 ERU393255:ERU393256 FBQ393255:FBQ393256 FLM393255:FLM393256 FVI393255:FVI393256 GFE393255:GFE393256 GPA393255:GPA393256 GYW393255:GYW393256 HIS393255:HIS393256 HSO393255:HSO393256 ICK393255:ICK393256 IMG393255:IMG393256 IWC393255:IWC393256 JFY393255:JFY393256 JPU393255:JPU393256 JZQ393255:JZQ393256 KJM393255:KJM393256 KTI393255:KTI393256 LDE393255:LDE393256 LNA393255:LNA393256 LWW393255:LWW393256 MGS393255:MGS393256 MQO393255:MQO393256 NAK393255:NAK393256 NKG393255:NKG393256 NUC393255:NUC393256 ODY393255:ODY393256 ONU393255:ONU393256 OXQ393255:OXQ393256 PHM393255:PHM393256 PRI393255:PRI393256 QBE393255:QBE393256 QLA393255:QLA393256 QUW393255:QUW393256 RES393255:RES393256 ROO393255:ROO393256 RYK393255:RYK393256 SIG393255:SIG393256 SSC393255:SSC393256 TBY393255:TBY393256 TLU393255:TLU393256 TVQ393255:TVQ393256 UFM393255:UFM393256 UPI393255:UPI393256 UZE393255:UZE393256 VJA393255:VJA393256 VSW393255:VSW393256 WCS393255:WCS393256 WMO393255:WMO393256 WWK393255:WWK393256 AC458791:AC458792 JY458791:JY458792 TU458791:TU458792 ADQ458791:ADQ458792 ANM458791:ANM458792 AXI458791:AXI458792 BHE458791:BHE458792 BRA458791:BRA458792 CAW458791:CAW458792 CKS458791:CKS458792 CUO458791:CUO458792 DEK458791:DEK458792 DOG458791:DOG458792 DYC458791:DYC458792 EHY458791:EHY458792 ERU458791:ERU458792 FBQ458791:FBQ458792 FLM458791:FLM458792 FVI458791:FVI458792 GFE458791:GFE458792 GPA458791:GPA458792 GYW458791:GYW458792 HIS458791:HIS458792 HSO458791:HSO458792 ICK458791:ICK458792 IMG458791:IMG458792 IWC458791:IWC458792 JFY458791:JFY458792 JPU458791:JPU458792 JZQ458791:JZQ458792 KJM458791:KJM458792 KTI458791:KTI458792 LDE458791:LDE458792 LNA458791:LNA458792 LWW458791:LWW458792 MGS458791:MGS458792 MQO458791:MQO458792 NAK458791:NAK458792 NKG458791:NKG458792 NUC458791:NUC458792 ODY458791:ODY458792 ONU458791:ONU458792 OXQ458791:OXQ458792 PHM458791:PHM458792 PRI458791:PRI458792 QBE458791:QBE458792 QLA458791:QLA458792 QUW458791:QUW458792 RES458791:RES458792 ROO458791:ROO458792 RYK458791:RYK458792 SIG458791:SIG458792 SSC458791:SSC458792 TBY458791:TBY458792 TLU458791:TLU458792 TVQ458791:TVQ458792 UFM458791:UFM458792 UPI458791:UPI458792 UZE458791:UZE458792 VJA458791:VJA458792 VSW458791:VSW458792 WCS458791:WCS458792 WMO458791:WMO458792 WWK458791:WWK458792 AC524327:AC524328 JY524327:JY524328 TU524327:TU524328 ADQ524327:ADQ524328 ANM524327:ANM524328 AXI524327:AXI524328 BHE524327:BHE524328 BRA524327:BRA524328 CAW524327:CAW524328 CKS524327:CKS524328 CUO524327:CUO524328 DEK524327:DEK524328 DOG524327:DOG524328 DYC524327:DYC524328 EHY524327:EHY524328 ERU524327:ERU524328 FBQ524327:FBQ524328 FLM524327:FLM524328 FVI524327:FVI524328 GFE524327:GFE524328 GPA524327:GPA524328 GYW524327:GYW524328 HIS524327:HIS524328 HSO524327:HSO524328 ICK524327:ICK524328 IMG524327:IMG524328 IWC524327:IWC524328 JFY524327:JFY524328 JPU524327:JPU524328 JZQ524327:JZQ524328 KJM524327:KJM524328 KTI524327:KTI524328 LDE524327:LDE524328 LNA524327:LNA524328 LWW524327:LWW524328 MGS524327:MGS524328 MQO524327:MQO524328 NAK524327:NAK524328 NKG524327:NKG524328 NUC524327:NUC524328 ODY524327:ODY524328 ONU524327:ONU524328 OXQ524327:OXQ524328 PHM524327:PHM524328 PRI524327:PRI524328 QBE524327:QBE524328 QLA524327:QLA524328 QUW524327:QUW524328 RES524327:RES524328 ROO524327:ROO524328 RYK524327:RYK524328 SIG524327:SIG524328 SSC524327:SSC524328 TBY524327:TBY524328 TLU524327:TLU524328 TVQ524327:TVQ524328 UFM524327:UFM524328 UPI524327:UPI524328 UZE524327:UZE524328 VJA524327:VJA524328 VSW524327:VSW524328 WCS524327:WCS524328 WMO524327:WMO524328 WWK524327:WWK524328 AC589863:AC589864 JY589863:JY589864 TU589863:TU589864 ADQ589863:ADQ589864 ANM589863:ANM589864 AXI589863:AXI589864 BHE589863:BHE589864 BRA589863:BRA589864 CAW589863:CAW589864 CKS589863:CKS589864 CUO589863:CUO589864 DEK589863:DEK589864 DOG589863:DOG589864 DYC589863:DYC589864 EHY589863:EHY589864 ERU589863:ERU589864 FBQ589863:FBQ589864 FLM589863:FLM589864 FVI589863:FVI589864 GFE589863:GFE589864 GPA589863:GPA589864 GYW589863:GYW589864 HIS589863:HIS589864 HSO589863:HSO589864 ICK589863:ICK589864 IMG589863:IMG589864 IWC589863:IWC589864 JFY589863:JFY589864 JPU589863:JPU589864 JZQ589863:JZQ589864 KJM589863:KJM589864 KTI589863:KTI589864 LDE589863:LDE589864 LNA589863:LNA589864 LWW589863:LWW589864 MGS589863:MGS589864 MQO589863:MQO589864 NAK589863:NAK589864 NKG589863:NKG589864 NUC589863:NUC589864 ODY589863:ODY589864 ONU589863:ONU589864 OXQ589863:OXQ589864 PHM589863:PHM589864 PRI589863:PRI589864 QBE589863:QBE589864 QLA589863:QLA589864 QUW589863:QUW589864 RES589863:RES589864 ROO589863:ROO589864 RYK589863:RYK589864 SIG589863:SIG589864 SSC589863:SSC589864 TBY589863:TBY589864 TLU589863:TLU589864 TVQ589863:TVQ589864 UFM589863:UFM589864 UPI589863:UPI589864 UZE589863:UZE589864 VJA589863:VJA589864 VSW589863:VSW589864 WCS589863:WCS589864 WMO589863:WMO589864 WWK589863:WWK589864 AC655399:AC655400 JY655399:JY655400 TU655399:TU655400 ADQ655399:ADQ655400 ANM655399:ANM655400 AXI655399:AXI655400 BHE655399:BHE655400 BRA655399:BRA655400 CAW655399:CAW655400 CKS655399:CKS655400 CUO655399:CUO655400 DEK655399:DEK655400 DOG655399:DOG655400 DYC655399:DYC655400 EHY655399:EHY655400 ERU655399:ERU655400 FBQ655399:FBQ655400 FLM655399:FLM655400 FVI655399:FVI655400 GFE655399:GFE655400 GPA655399:GPA655400 GYW655399:GYW655400 HIS655399:HIS655400 HSO655399:HSO655400 ICK655399:ICK655400 IMG655399:IMG655400 IWC655399:IWC655400 JFY655399:JFY655400 JPU655399:JPU655400 JZQ655399:JZQ655400 KJM655399:KJM655400 KTI655399:KTI655400 LDE655399:LDE655400 LNA655399:LNA655400 LWW655399:LWW655400 MGS655399:MGS655400 MQO655399:MQO655400 NAK655399:NAK655400 NKG655399:NKG655400 NUC655399:NUC655400 ODY655399:ODY655400 ONU655399:ONU655400 OXQ655399:OXQ655400 PHM655399:PHM655400 PRI655399:PRI655400 QBE655399:QBE655400 QLA655399:QLA655400 QUW655399:QUW655400 RES655399:RES655400 ROO655399:ROO655400 RYK655399:RYK655400 SIG655399:SIG655400 SSC655399:SSC655400 TBY655399:TBY655400 TLU655399:TLU655400 TVQ655399:TVQ655400 UFM655399:UFM655400 UPI655399:UPI655400 UZE655399:UZE655400 VJA655399:VJA655400 VSW655399:VSW655400 WCS655399:WCS655400 WMO655399:WMO655400 WWK655399:WWK655400 AC720935:AC720936 JY720935:JY720936 TU720935:TU720936 ADQ720935:ADQ720936 ANM720935:ANM720936 AXI720935:AXI720936 BHE720935:BHE720936 BRA720935:BRA720936 CAW720935:CAW720936 CKS720935:CKS720936 CUO720935:CUO720936 DEK720935:DEK720936 DOG720935:DOG720936 DYC720935:DYC720936 EHY720935:EHY720936 ERU720935:ERU720936 FBQ720935:FBQ720936 FLM720935:FLM720936 FVI720935:FVI720936 GFE720935:GFE720936 GPA720935:GPA720936 GYW720935:GYW720936 HIS720935:HIS720936 HSO720935:HSO720936 ICK720935:ICK720936 IMG720935:IMG720936 IWC720935:IWC720936 JFY720935:JFY720936 JPU720935:JPU720936 JZQ720935:JZQ720936 KJM720935:KJM720936 KTI720935:KTI720936 LDE720935:LDE720936 LNA720935:LNA720936 LWW720935:LWW720936 MGS720935:MGS720936 MQO720935:MQO720936 NAK720935:NAK720936 NKG720935:NKG720936 NUC720935:NUC720936 ODY720935:ODY720936 ONU720935:ONU720936 OXQ720935:OXQ720936 PHM720935:PHM720936 PRI720935:PRI720936 QBE720935:QBE720936 QLA720935:QLA720936 QUW720935:QUW720936 RES720935:RES720936 ROO720935:ROO720936 RYK720935:RYK720936 SIG720935:SIG720936 SSC720935:SSC720936 TBY720935:TBY720936 TLU720935:TLU720936 TVQ720935:TVQ720936 UFM720935:UFM720936 UPI720935:UPI720936 UZE720935:UZE720936 VJA720935:VJA720936 VSW720935:VSW720936 WCS720935:WCS720936 WMO720935:WMO720936 WWK720935:WWK720936 AC786471:AC786472 JY786471:JY786472 TU786471:TU786472 ADQ786471:ADQ786472 ANM786471:ANM786472 AXI786471:AXI786472 BHE786471:BHE786472 BRA786471:BRA786472 CAW786471:CAW786472 CKS786471:CKS786472 CUO786471:CUO786472 DEK786471:DEK786472 DOG786471:DOG786472 DYC786471:DYC786472 EHY786471:EHY786472 ERU786471:ERU786472 FBQ786471:FBQ786472 FLM786471:FLM786472 FVI786471:FVI786472 GFE786471:GFE786472 GPA786471:GPA786472 GYW786471:GYW786472 HIS786471:HIS786472 HSO786471:HSO786472 ICK786471:ICK786472 IMG786471:IMG786472 IWC786471:IWC786472 JFY786471:JFY786472 JPU786471:JPU786472 JZQ786471:JZQ786472 KJM786471:KJM786472 KTI786471:KTI786472 LDE786471:LDE786472 LNA786471:LNA786472 LWW786471:LWW786472 MGS786471:MGS786472 MQO786471:MQO786472 NAK786471:NAK786472 NKG786471:NKG786472 NUC786471:NUC786472 ODY786471:ODY786472 ONU786471:ONU786472 OXQ786471:OXQ786472 PHM786471:PHM786472 PRI786471:PRI786472 QBE786471:QBE786472 QLA786471:QLA786472 QUW786471:QUW786472 RES786471:RES786472 ROO786471:ROO786472 RYK786471:RYK786472 SIG786471:SIG786472 SSC786471:SSC786472 TBY786471:TBY786472 TLU786471:TLU786472 TVQ786471:TVQ786472 UFM786471:UFM786472 UPI786471:UPI786472 UZE786471:UZE786472 VJA786471:VJA786472 VSW786471:VSW786472 WCS786471:WCS786472 WMO786471:WMO786472 WWK786471:WWK786472 AC852007:AC852008 JY852007:JY852008 TU852007:TU852008 ADQ852007:ADQ852008 ANM852007:ANM852008 AXI852007:AXI852008 BHE852007:BHE852008 BRA852007:BRA852008 CAW852007:CAW852008 CKS852007:CKS852008 CUO852007:CUO852008 DEK852007:DEK852008 DOG852007:DOG852008 DYC852007:DYC852008 EHY852007:EHY852008 ERU852007:ERU852008 FBQ852007:FBQ852008 FLM852007:FLM852008 FVI852007:FVI852008 GFE852007:GFE852008 GPA852007:GPA852008 GYW852007:GYW852008 HIS852007:HIS852008 HSO852007:HSO852008 ICK852007:ICK852008 IMG852007:IMG852008 IWC852007:IWC852008 JFY852007:JFY852008 JPU852007:JPU852008 JZQ852007:JZQ852008 KJM852007:KJM852008 KTI852007:KTI852008 LDE852007:LDE852008 LNA852007:LNA852008 LWW852007:LWW852008 MGS852007:MGS852008 MQO852007:MQO852008 NAK852007:NAK852008 NKG852007:NKG852008 NUC852007:NUC852008 ODY852007:ODY852008 ONU852007:ONU852008 OXQ852007:OXQ852008 PHM852007:PHM852008 PRI852007:PRI852008 QBE852007:QBE852008 QLA852007:QLA852008 QUW852007:QUW852008 RES852007:RES852008 ROO852007:ROO852008 RYK852007:RYK852008 SIG852007:SIG852008 SSC852007:SSC852008 TBY852007:TBY852008 TLU852007:TLU852008 TVQ852007:TVQ852008 UFM852007:UFM852008 UPI852007:UPI852008 UZE852007:UZE852008 VJA852007:VJA852008 VSW852007:VSW852008 WCS852007:WCS852008 WMO852007:WMO852008 WWK852007:WWK852008 AC917543:AC917544 JY917543:JY917544 TU917543:TU917544 ADQ917543:ADQ917544 ANM917543:ANM917544 AXI917543:AXI917544 BHE917543:BHE917544 BRA917543:BRA917544 CAW917543:CAW917544 CKS917543:CKS917544 CUO917543:CUO917544 DEK917543:DEK917544 DOG917543:DOG917544 DYC917543:DYC917544 EHY917543:EHY917544 ERU917543:ERU917544 FBQ917543:FBQ917544 FLM917543:FLM917544 FVI917543:FVI917544 GFE917543:GFE917544 GPA917543:GPA917544 GYW917543:GYW917544 HIS917543:HIS917544 HSO917543:HSO917544 ICK917543:ICK917544 IMG917543:IMG917544 IWC917543:IWC917544 JFY917543:JFY917544 JPU917543:JPU917544 JZQ917543:JZQ917544 KJM917543:KJM917544 KTI917543:KTI917544 LDE917543:LDE917544 LNA917543:LNA917544 LWW917543:LWW917544 MGS917543:MGS917544 MQO917543:MQO917544 NAK917543:NAK917544 NKG917543:NKG917544 NUC917543:NUC917544 ODY917543:ODY917544 ONU917543:ONU917544 OXQ917543:OXQ917544 PHM917543:PHM917544 PRI917543:PRI917544 QBE917543:QBE917544 QLA917543:QLA917544 QUW917543:QUW917544 RES917543:RES917544 ROO917543:ROO917544 RYK917543:RYK917544 SIG917543:SIG917544 SSC917543:SSC917544 TBY917543:TBY917544 TLU917543:TLU917544 TVQ917543:TVQ917544 UFM917543:UFM917544 UPI917543:UPI917544 UZE917543:UZE917544 VJA917543:VJA917544 VSW917543:VSW917544 WCS917543:WCS917544 WMO917543:WMO917544 WWK917543:WWK917544 AC983079:AC983080 JY983079:JY983080 TU983079:TU983080 ADQ983079:ADQ983080 ANM983079:ANM983080 AXI983079:AXI983080 BHE983079:BHE983080 BRA983079:BRA983080 CAW983079:CAW983080 CKS983079:CKS983080 CUO983079:CUO983080 DEK983079:DEK983080 DOG983079:DOG983080 DYC983079:DYC983080 EHY983079:EHY983080 ERU983079:ERU983080 FBQ983079:FBQ983080 FLM983079:FLM983080 FVI983079:FVI983080 GFE983079:GFE983080 GPA983079:GPA983080 GYW983079:GYW983080 HIS983079:HIS983080 HSO983079:HSO983080 ICK983079:ICK983080 IMG983079:IMG983080 IWC983079:IWC983080 JFY983079:JFY983080 JPU983079:JPU983080 JZQ983079:JZQ983080 KJM983079:KJM983080 KTI983079:KTI983080 LDE983079:LDE983080 LNA983079:LNA983080 LWW983079:LWW983080 MGS983079:MGS983080 MQO983079:MQO983080 NAK983079:NAK983080 NKG983079:NKG983080 NUC983079:NUC983080 ODY983079:ODY983080 ONU983079:ONU983080 OXQ983079:OXQ983080 PHM983079:PHM983080 PRI983079:PRI983080 QBE983079:QBE983080 QLA983079:QLA983080 QUW983079:QUW983080 RES983079:RES983080 ROO983079:ROO983080 RYK983079:RYK983080 SIG983079:SIG983080 SSC983079:SSC983080 TBY983079:TBY983080 TLU983079:TLU983080 TVQ983079:TVQ983080 UFM983079:UFM983080 UPI983079:UPI983080 UZE983079:UZE983080 VJA983079:VJA983080 VSW983079:VSW983080 WCS983079:WCS983080 WMO983079:WMO983080 WWK983079:WWK983080 Q40 JM40 TI40 ADE40 ANA40 AWW40 BGS40 BQO40 CAK40 CKG40 CUC40 DDY40 DNU40 DXQ40 EHM40 ERI40 FBE40 FLA40 FUW40 GES40 GOO40 GYK40 HIG40 HSC40 IBY40 ILU40 IVQ40 JFM40 JPI40 JZE40 KJA40 KSW40 LCS40 LMO40 LWK40 MGG40 MQC40 MZY40 NJU40 NTQ40 ODM40 ONI40 OXE40 PHA40 PQW40 QAS40 QKO40 QUK40 REG40 ROC40 RXY40 SHU40 SRQ40 TBM40 TLI40 TVE40 UFA40 UOW40 UYS40 VIO40 VSK40 WCG40 WMC40 WVY40 Q65576 JM65576 TI65576 ADE65576 ANA65576 AWW65576 BGS65576 BQO65576 CAK65576 CKG65576 CUC65576 DDY65576 DNU65576 DXQ65576 EHM65576 ERI65576 FBE65576 FLA65576 FUW65576 GES65576 GOO65576 GYK65576 HIG65576 HSC65576 IBY65576 ILU65576 IVQ65576 JFM65576 JPI65576 JZE65576 KJA65576 KSW65576 LCS65576 LMO65576 LWK65576 MGG65576 MQC65576 MZY65576 NJU65576 NTQ65576 ODM65576 ONI65576 OXE65576 PHA65576 PQW65576 QAS65576 QKO65576 QUK65576 REG65576 ROC65576 RXY65576 SHU65576 SRQ65576 TBM65576 TLI65576 TVE65576 UFA65576 UOW65576 UYS65576 VIO65576 VSK65576 WCG65576 WMC65576 WVY65576 Q131112 JM131112 TI131112 ADE131112 ANA131112 AWW131112 BGS131112 BQO131112 CAK131112 CKG131112 CUC131112 DDY131112 DNU131112 DXQ131112 EHM131112 ERI131112 FBE131112 FLA131112 FUW131112 GES131112 GOO131112 GYK131112 HIG131112 HSC131112 IBY131112 ILU131112 IVQ131112 JFM131112 JPI131112 JZE131112 KJA131112 KSW131112 LCS131112 LMO131112 LWK131112 MGG131112 MQC131112 MZY131112 NJU131112 NTQ131112 ODM131112 ONI131112 OXE131112 PHA131112 PQW131112 QAS131112 QKO131112 QUK131112 REG131112 ROC131112 RXY131112 SHU131112 SRQ131112 TBM131112 TLI131112 TVE131112 UFA131112 UOW131112 UYS131112 VIO131112 VSK131112 WCG131112 WMC131112 WVY131112 Q196648 JM196648 TI196648 ADE196648 ANA196648 AWW196648 BGS196648 BQO196648 CAK196648 CKG196648 CUC196648 DDY196648 DNU196648 DXQ196648 EHM196648 ERI196648 FBE196648 FLA196648 FUW196648 GES196648 GOO196648 GYK196648 HIG196648 HSC196648 IBY196648 ILU196648 IVQ196648 JFM196648 JPI196648 JZE196648 KJA196648 KSW196648 LCS196648 LMO196648 LWK196648 MGG196648 MQC196648 MZY196648 NJU196648 NTQ196648 ODM196648 ONI196648 OXE196648 PHA196648 PQW196648 QAS196648 QKO196648 QUK196648 REG196648 ROC196648 RXY196648 SHU196648 SRQ196648 TBM196648 TLI196648 TVE196648 UFA196648 UOW196648 UYS196648 VIO196648 VSK196648 WCG196648 WMC196648 WVY196648 Q262184 JM262184 TI262184 ADE262184 ANA262184 AWW262184 BGS262184 BQO262184 CAK262184 CKG262184 CUC262184 DDY262184 DNU262184 DXQ262184 EHM262184 ERI262184 FBE262184 FLA262184 FUW262184 GES262184 GOO262184 GYK262184 HIG262184 HSC262184 IBY262184 ILU262184 IVQ262184 JFM262184 JPI262184 JZE262184 KJA262184 KSW262184 LCS262184 LMO262184 LWK262184 MGG262184 MQC262184 MZY262184 NJU262184 NTQ262184 ODM262184 ONI262184 OXE262184 PHA262184 PQW262184 QAS262184 QKO262184 QUK262184 REG262184 ROC262184 RXY262184 SHU262184 SRQ262184 TBM262184 TLI262184 TVE262184 UFA262184 UOW262184 UYS262184 VIO262184 VSK262184 WCG262184 WMC262184 WVY262184 Q327720 JM327720 TI327720 ADE327720 ANA327720 AWW327720 BGS327720 BQO327720 CAK327720 CKG327720 CUC327720 DDY327720 DNU327720 DXQ327720 EHM327720 ERI327720 FBE327720 FLA327720 FUW327720 GES327720 GOO327720 GYK327720 HIG327720 HSC327720 IBY327720 ILU327720 IVQ327720 JFM327720 JPI327720 JZE327720 KJA327720 KSW327720 LCS327720 LMO327720 LWK327720 MGG327720 MQC327720 MZY327720 NJU327720 NTQ327720 ODM327720 ONI327720 OXE327720 PHA327720 PQW327720 QAS327720 QKO327720 QUK327720 REG327720 ROC327720 RXY327720 SHU327720 SRQ327720 TBM327720 TLI327720 TVE327720 UFA327720 UOW327720 UYS327720 VIO327720 VSK327720 WCG327720 WMC327720 WVY327720 Q393256 JM393256 TI393256 ADE393256 ANA393256 AWW393256 BGS393256 BQO393256 CAK393256 CKG393256 CUC393256 DDY393256 DNU393256 DXQ393256 EHM393256 ERI393256 FBE393256 FLA393256 FUW393256 GES393256 GOO393256 GYK393256 HIG393256 HSC393256 IBY393256 ILU393256 IVQ393256 JFM393256 JPI393256 JZE393256 KJA393256 KSW393256 LCS393256 LMO393256 LWK393256 MGG393256 MQC393256 MZY393256 NJU393256 NTQ393256 ODM393256 ONI393256 OXE393256 PHA393256 PQW393256 QAS393256 QKO393256 QUK393256 REG393256 ROC393256 RXY393256 SHU393256 SRQ393256 TBM393256 TLI393256 TVE393256 UFA393256 UOW393256 UYS393256 VIO393256 VSK393256 WCG393256 WMC393256 WVY393256 Q458792 JM458792 TI458792 ADE458792 ANA458792 AWW458792 BGS458792 BQO458792 CAK458792 CKG458792 CUC458792 DDY458792 DNU458792 DXQ458792 EHM458792 ERI458792 FBE458792 FLA458792 FUW458792 GES458792 GOO458792 GYK458792 HIG458792 HSC458792 IBY458792 ILU458792 IVQ458792 JFM458792 JPI458792 JZE458792 KJA458792 KSW458792 LCS458792 LMO458792 LWK458792 MGG458792 MQC458792 MZY458792 NJU458792 NTQ458792 ODM458792 ONI458792 OXE458792 PHA458792 PQW458792 QAS458792 QKO458792 QUK458792 REG458792 ROC458792 RXY458792 SHU458792 SRQ458792 TBM458792 TLI458792 TVE458792 UFA458792 UOW458792 UYS458792 VIO458792 VSK458792 WCG458792 WMC458792 WVY458792 Q524328 JM524328 TI524328 ADE524328 ANA524328 AWW524328 BGS524328 BQO524328 CAK524328 CKG524328 CUC524328 DDY524328 DNU524328 DXQ524328 EHM524328 ERI524328 FBE524328 FLA524328 FUW524328 GES524328 GOO524328 GYK524328 HIG524328 HSC524328 IBY524328 ILU524328 IVQ524328 JFM524328 JPI524328 JZE524328 KJA524328 KSW524328 LCS524328 LMO524328 LWK524328 MGG524328 MQC524328 MZY524328 NJU524328 NTQ524328 ODM524328 ONI524328 OXE524328 PHA524328 PQW524328 QAS524328 QKO524328 QUK524328 REG524328 ROC524328 RXY524328 SHU524328 SRQ524328 TBM524328 TLI524328 TVE524328 UFA524328 UOW524328 UYS524328 VIO524328 VSK524328 WCG524328 WMC524328 WVY524328 Q589864 JM589864 TI589864 ADE589864 ANA589864 AWW589864 BGS589864 BQO589864 CAK589864 CKG589864 CUC589864 DDY589864 DNU589864 DXQ589864 EHM589864 ERI589864 FBE589864 FLA589864 FUW589864 GES589864 GOO589864 GYK589864 HIG589864 HSC589864 IBY589864 ILU589864 IVQ589864 JFM589864 JPI589864 JZE589864 KJA589864 KSW589864 LCS589864 LMO589864 LWK589864 MGG589864 MQC589864 MZY589864 NJU589864 NTQ589864 ODM589864 ONI589864 OXE589864 PHA589864 PQW589864 QAS589864 QKO589864 QUK589864 REG589864 ROC589864 RXY589864 SHU589864 SRQ589864 TBM589864 TLI589864 TVE589864 UFA589864 UOW589864 UYS589864 VIO589864 VSK589864 WCG589864 WMC589864 WVY589864 Q655400 JM655400 TI655400 ADE655400 ANA655400 AWW655400 BGS655400 BQO655400 CAK655400 CKG655400 CUC655400 DDY655400 DNU655400 DXQ655400 EHM655400 ERI655400 FBE655400 FLA655400 FUW655400 GES655400 GOO655400 GYK655400 HIG655400 HSC655400 IBY655400 ILU655400 IVQ655400 JFM655400 JPI655400 JZE655400 KJA655400 KSW655400 LCS655400 LMO655400 LWK655400 MGG655400 MQC655400 MZY655400 NJU655400 NTQ655400 ODM655400 ONI655400 OXE655400 PHA655400 PQW655400 QAS655400 QKO655400 QUK655400 REG655400 ROC655400 RXY655400 SHU655400 SRQ655400 TBM655400 TLI655400 TVE655400 UFA655400 UOW655400 UYS655400 VIO655400 VSK655400 WCG655400 WMC655400 WVY655400 Q720936 JM720936 TI720936 ADE720936 ANA720936 AWW720936 BGS720936 BQO720936 CAK720936 CKG720936 CUC720936 DDY720936 DNU720936 DXQ720936 EHM720936 ERI720936 FBE720936 FLA720936 FUW720936 GES720936 GOO720936 GYK720936 HIG720936 HSC720936 IBY720936 ILU720936 IVQ720936 JFM720936 JPI720936 JZE720936 KJA720936 KSW720936 LCS720936 LMO720936 LWK720936 MGG720936 MQC720936 MZY720936 NJU720936 NTQ720936 ODM720936 ONI720936 OXE720936 PHA720936 PQW720936 QAS720936 QKO720936 QUK720936 REG720936 ROC720936 RXY720936 SHU720936 SRQ720936 TBM720936 TLI720936 TVE720936 UFA720936 UOW720936 UYS720936 VIO720936 VSK720936 WCG720936 WMC720936 WVY720936 Q786472 JM786472 TI786472 ADE786472 ANA786472 AWW786472 BGS786472 BQO786472 CAK786472 CKG786472 CUC786472 DDY786472 DNU786472 DXQ786472 EHM786472 ERI786472 FBE786472 FLA786472 FUW786472 GES786472 GOO786472 GYK786472 HIG786472 HSC786472 IBY786472 ILU786472 IVQ786472 JFM786472 JPI786472 JZE786472 KJA786472 KSW786472 LCS786472 LMO786472 LWK786472 MGG786472 MQC786472 MZY786472 NJU786472 NTQ786472 ODM786472 ONI786472 OXE786472 PHA786472 PQW786472 QAS786472 QKO786472 QUK786472 REG786472 ROC786472 RXY786472 SHU786472 SRQ786472 TBM786472 TLI786472 TVE786472 UFA786472 UOW786472 UYS786472 VIO786472 VSK786472 WCG786472 WMC786472 WVY786472 Q852008 JM852008 TI852008 ADE852008 ANA852008 AWW852008 BGS852008 BQO852008 CAK852008 CKG852008 CUC852008 DDY852008 DNU852008 DXQ852008 EHM852008 ERI852008 FBE852008 FLA852008 FUW852008 GES852008 GOO852008 GYK852008 HIG852008 HSC852008 IBY852008 ILU852008 IVQ852008 JFM852008 JPI852008 JZE852008 KJA852008 KSW852008 LCS852008 LMO852008 LWK852008 MGG852008 MQC852008 MZY852008 NJU852008 NTQ852008 ODM852008 ONI852008 OXE852008 PHA852008 PQW852008 QAS852008 QKO852008 QUK852008 REG852008 ROC852008 RXY852008 SHU852008 SRQ852008 TBM852008 TLI852008 TVE852008 UFA852008 UOW852008 UYS852008 VIO852008 VSK852008 WCG852008 WMC852008 WVY852008 Q917544 JM917544 TI917544 ADE917544 ANA917544 AWW917544 BGS917544 BQO917544 CAK917544 CKG917544 CUC917544 DDY917544 DNU917544 DXQ917544 EHM917544 ERI917544 FBE917544 FLA917544 FUW917544 GES917544 GOO917544 GYK917544 HIG917544 HSC917544 IBY917544 ILU917544 IVQ917544 JFM917544 JPI917544 JZE917544 KJA917544 KSW917544 LCS917544 LMO917544 LWK917544 MGG917544 MQC917544 MZY917544 NJU917544 NTQ917544 ODM917544 ONI917544 OXE917544 PHA917544 PQW917544 QAS917544 QKO917544 QUK917544 REG917544 ROC917544 RXY917544 SHU917544 SRQ917544 TBM917544 TLI917544 TVE917544 UFA917544 UOW917544 UYS917544 VIO917544 VSK917544 WCG917544 WMC917544 WVY917544 Q983080 JM983080 TI983080 ADE983080 ANA983080 AWW983080 BGS983080 BQO983080 CAK983080 CKG983080 CUC983080 DDY983080 DNU983080 DXQ983080 EHM983080 ERI983080 FBE983080 FLA983080 FUW983080 GES983080 GOO983080 GYK983080 HIG983080 HSC983080 IBY983080 ILU983080 IVQ983080 JFM983080 JPI983080 JZE983080 KJA983080 KSW983080 LCS983080 LMO983080 LWK983080 MGG983080 MQC983080 MZY983080 NJU983080 NTQ983080 ODM983080 ONI983080 OXE983080 PHA983080 PQW983080 QAS983080 QKO983080 QUK983080 REG983080 ROC983080 RXY983080 SHU983080 SRQ983080 TBM983080 TLI983080 TVE983080 UFA983080 UOW983080 UYS983080 VIO983080 VSK983080 WCG983080 WMC983080 WVY983080 O44 JK44 TG44 ADC44 AMY44 AWU44 BGQ44 BQM44 CAI44 CKE44 CUA44 DDW44 DNS44 DXO44 EHK44 ERG44 FBC44 FKY44 FUU44 GEQ44 GOM44 GYI44 HIE44 HSA44 IBW44 ILS44 IVO44 JFK44 JPG44 JZC44 KIY44 KSU44 LCQ44 LMM44 LWI44 MGE44 MQA44 MZW44 NJS44 NTO44 ODK44 ONG44 OXC44 PGY44 PQU44 QAQ44 QKM44 QUI44 REE44 ROA44 RXW44 SHS44 SRO44 TBK44 TLG44 TVC44 UEY44 UOU44 UYQ44 VIM44 VSI44 WCE44 WMA44 WVW44 O65580 JK65580 TG65580 ADC65580 AMY65580 AWU65580 BGQ65580 BQM65580 CAI65580 CKE65580 CUA65580 DDW65580 DNS65580 DXO65580 EHK65580 ERG65580 FBC65580 FKY65580 FUU65580 GEQ65580 GOM65580 GYI65580 HIE65580 HSA65580 IBW65580 ILS65580 IVO65580 JFK65580 JPG65580 JZC65580 KIY65580 KSU65580 LCQ65580 LMM65580 LWI65580 MGE65580 MQA65580 MZW65580 NJS65580 NTO65580 ODK65580 ONG65580 OXC65580 PGY65580 PQU65580 QAQ65580 QKM65580 QUI65580 REE65580 ROA65580 RXW65580 SHS65580 SRO65580 TBK65580 TLG65580 TVC65580 UEY65580 UOU65580 UYQ65580 VIM65580 VSI65580 WCE65580 WMA65580 WVW65580 O131116 JK131116 TG131116 ADC131116 AMY131116 AWU131116 BGQ131116 BQM131116 CAI131116 CKE131116 CUA131116 DDW131116 DNS131116 DXO131116 EHK131116 ERG131116 FBC131116 FKY131116 FUU131116 GEQ131116 GOM131116 GYI131116 HIE131116 HSA131116 IBW131116 ILS131116 IVO131116 JFK131116 JPG131116 JZC131116 KIY131116 KSU131116 LCQ131116 LMM131116 LWI131116 MGE131116 MQA131116 MZW131116 NJS131116 NTO131116 ODK131116 ONG131116 OXC131116 PGY131116 PQU131116 QAQ131116 QKM131116 QUI131116 REE131116 ROA131116 RXW131116 SHS131116 SRO131116 TBK131116 TLG131116 TVC131116 UEY131116 UOU131116 UYQ131116 VIM131116 VSI131116 WCE131116 WMA131116 WVW131116 O196652 JK196652 TG196652 ADC196652 AMY196652 AWU196652 BGQ196652 BQM196652 CAI196652 CKE196652 CUA196652 DDW196652 DNS196652 DXO196652 EHK196652 ERG196652 FBC196652 FKY196652 FUU196652 GEQ196652 GOM196652 GYI196652 HIE196652 HSA196652 IBW196652 ILS196652 IVO196652 JFK196652 JPG196652 JZC196652 KIY196652 KSU196652 LCQ196652 LMM196652 LWI196652 MGE196652 MQA196652 MZW196652 NJS196652 NTO196652 ODK196652 ONG196652 OXC196652 PGY196652 PQU196652 QAQ196652 QKM196652 QUI196652 REE196652 ROA196652 RXW196652 SHS196652 SRO196652 TBK196652 TLG196652 TVC196652 UEY196652 UOU196652 UYQ196652 VIM196652 VSI196652 WCE196652 WMA196652 WVW196652 O262188 JK262188 TG262188 ADC262188 AMY262188 AWU262188 BGQ262188 BQM262188 CAI262188 CKE262188 CUA262188 DDW262188 DNS262188 DXO262188 EHK262188 ERG262188 FBC262188 FKY262188 FUU262188 GEQ262188 GOM262188 GYI262188 HIE262188 HSA262188 IBW262188 ILS262188 IVO262188 JFK262188 JPG262188 JZC262188 KIY262188 KSU262188 LCQ262188 LMM262188 LWI262188 MGE262188 MQA262188 MZW262188 NJS262188 NTO262188 ODK262188 ONG262188 OXC262188 PGY262188 PQU262188 QAQ262188 QKM262188 QUI262188 REE262188 ROA262188 RXW262188 SHS262188 SRO262188 TBK262188 TLG262188 TVC262188 UEY262188 UOU262188 UYQ262188 VIM262188 VSI262188 WCE262188 WMA262188 WVW262188 O327724 JK327724 TG327724 ADC327724 AMY327724 AWU327724 BGQ327724 BQM327724 CAI327724 CKE327724 CUA327724 DDW327724 DNS327724 DXO327724 EHK327724 ERG327724 FBC327724 FKY327724 FUU327724 GEQ327724 GOM327724 GYI327724 HIE327724 HSA327724 IBW327724 ILS327724 IVO327724 JFK327724 JPG327724 JZC327724 KIY327724 KSU327724 LCQ327724 LMM327724 LWI327724 MGE327724 MQA327724 MZW327724 NJS327724 NTO327724 ODK327724 ONG327724 OXC327724 PGY327724 PQU327724 QAQ327724 QKM327724 QUI327724 REE327724 ROA327724 RXW327724 SHS327724 SRO327724 TBK327724 TLG327724 TVC327724 UEY327724 UOU327724 UYQ327724 VIM327724 VSI327724 WCE327724 WMA327724 WVW327724 O393260 JK393260 TG393260 ADC393260 AMY393260 AWU393260 BGQ393260 BQM393260 CAI393260 CKE393260 CUA393260 DDW393260 DNS393260 DXO393260 EHK393260 ERG393260 FBC393260 FKY393260 FUU393260 GEQ393260 GOM393260 GYI393260 HIE393260 HSA393260 IBW393260 ILS393260 IVO393260 JFK393260 JPG393260 JZC393260 KIY393260 KSU393260 LCQ393260 LMM393260 LWI393260 MGE393260 MQA393260 MZW393260 NJS393260 NTO393260 ODK393260 ONG393260 OXC393260 PGY393260 PQU393260 QAQ393260 QKM393260 QUI393260 REE393260 ROA393260 RXW393260 SHS393260 SRO393260 TBK393260 TLG393260 TVC393260 UEY393260 UOU393260 UYQ393260 VIM393260 VSI393260 WCE393260 WMA393260 WVW393260 O458796 JK458796 TG458796 ADC458796 AMY458796 AWU458796 BGQ458796 BQM458796 CAI458796 CKE458796 CUA458796 DDW458796 DNS458796 DXO458796 EHK458796 ERG458796 FBC458796 FKY458796 FUU458796 GEQ458796 GOM458796 GYI458796 HIE458796 HSA458796 IBW458796 ILS458796 IVO458796 JFK458796 JPG458796 JZC458796 KIY458796 KSU458796 LCQ458796 LMM458796 LWI458796 MGE458796 MQA458796 MZW458796 NJS458796 NTO458796 ODK458796 ONG458796 OXC458796 PGY458796 PQU458796 QAQ458796 QKM458796 QUI458796 REE458796 ROA458796 RXW458796 SHS458796 SRO458796 TBK458796 TLG458796 TVC458796 UEY458796 UOU458796 UYQ458796 VIM458796 VSI458796 WCE458796 WMA458796 WVW458796 O524332 JK524332 TG524332 ADC524332 AMY524332 AWU524332 BGQ524332 BQM524332 CAI524332 CKE524332 CUA524332 DDW524332 DNS524332 DXO524332 EHK524332 ERG524332 FBC524332 FKY524332 FUU524332 GEQ524332 GOM524332 GYI524332 HIE524332 HSA524332 IBW524332 ILS524332 IVO524332 JFK524332 JPG524332 JZC524332 KIY524332 KSU524332 LCQ524332 LMM524332 LWI524332 MGE524332 MQA524332 MZW524332 NJS524332 NTO524332 ODK524332 ONG524332 OXC524332 PGY524332 PQU524332 QAQ524332 QKM524332 QUI524332 REE524332 ROA524332 RXW524332 SHS524332 SRO524332 TBK524332 TLG524332 TVC524332 UEY524332 UOU524332 UYQ524332 VIM524332 VSI524332 WCE524332 WMA524332 WVW524332 O589868 JK589868 TG589868 ADC589868 AMY589868 AWU589868 BGQ589868 BQM589868 CAI589868 CKE589868 CUA589868 DDW589868 DNS589868 DXO589868 EHK589868 ERG589868 FBC589868 FKY589868 FUU589868 GEQ589868 GOM589868 GYI589868 HIE589868 HSA589868 IBW589868 ILS589868 IVO589868 JFK589868 JPG589868 JZC589868 KIY589868 KSU589868 LCQ589868 LMM589868 LWI589868 MGE589868 MQA589868 MZW589868 NJS589868 NTO589868 ODK589868 ONG589868 OXC589868 PGY589868 PQU589868 QAQ589868 QKM589868 QUI589868 REE589868 ROA589868 RXW589868 SHS589868 SRO589868 TBK589868 TLG589868 TVC589868 UEY589868 UOU589868 UYQ589868 VIM589868 VSI589868 WCE589868 WMA589868 WVW589868 O655404 JK655404 TG655404 ADC655404 AMY655404 AWU655404 BGQ655404 BQM655404 CAI655404 CKE655404 CUA655404 DDW655404 DNS655404 DXO655404 EHK655404 ERG655404 FBC655404 FKY655404 FUU655404 GEQ655404 GOM655404 GYI655404 HIE655404 HSA655404 IBW655404 ILS655404 IVO655404 JFK655404 JPG655404 JZC655404 KIY655404 KSU655404 LCQ655404 LMM655404 LWI655404 MGE655404 MQA655404 MZW655404 NJS655404 NTO655404 ODK655404 ONG655404 OXC655404 PGY655404 PQU655404 QAQ655404 QKM655404 QUI655404 REE655404 ROA655404 RXW655404 SHS655404 SRO655404 TBK655404 TLG655404 TVC655404 UEY655404 UOU655404 UYQ655404 VIM655404 VSI655404 WCE655404 WMA655404 WVW655404 O720940 JK720940 TG720940 ADC720940 AMY720940 AWU720940 BGQ720940 BQM720940 CAI720940 CKE720940 CUA720940 DDW720940 DNS720940 DXO720940 EHK720940 ERG720940 FBC720940 FKY720940 FUU720940 GEQ720940 GOM720940 GYI720940 HIE720940 HSA720940 IBW720940 ILS720940 IVO720940 JFK720940 JPG720940 JZC720940 KIY720940 KSU720940 LCQ720940 LMM720940 LWI720940 MGE720940 MQA720940 MZW720940 NJS720940 NTO720940 ODK720940 ONG720940 OXC720940 PGY720940 PQU720940 QAQ720940 QKM720940 QUI720940 REE720940 ROA720940 RXW720940 SHS720940 SRO720940 TBK720940 TLG720940 TVC720940 UEY720940 UOU720940 UYQ720940 VIM720940 VSI720940 WCE720940 WMA720940 WVW720940 O786476 JK786476 TG786476 ADC786476 AMY786476 AWU786476 BGQ786476 BQM786476 CAI786476 CKE786476 CUA786476 DDW786476 DNS786476 DXO786476 EHK786476 ERG786476 FBC786476 FKY786476 FUU786476 GEQ786476 GOM786476 GYI786476 HIE786476 HSA786476 IBW786476 ILS786476 IVO786476 JFK786476 JPG786476 JZC786476 KIY786476 KSU786476 LCQ786476 LMM786476 LWI786476 MGE786476 MQA786476 MZW786476 NJS786476 NTO786476 ODK786476 ONG786476 OXC786476 PGY786476 PQU786476 QAQ786476 QKM786476 QUI786476 REE786476 ROA786476 RXW786476 SHS786476 SRO786476 TBK786476 TLG786476 TVC786476 UEY786476 UOU786476 UYQ786476 VIM786476 VSI786476 WCE786476 WMA786476 WVW786476 O852012 JK852012 TG852012 ADC852012 AMY852012 AWU852012 BGQ852012 BQM852012 CAI852012 CKE852012 CUA852012 DDW852012 DNS852012 DXO852012 EHK852012 ERG852012 FBC852012 FKY852012 FUU852012 GEQ852012 GOM852012 GYI852012 HIE852012 HSA852012 IBW852012 ILS852012 IVO852012 JFK852012 JPG852012 JZC852012 KIY852012 KSU852012 LCQ852012 LMM852012 LWI852012 MGE852012 MQA852012 MZW852012 NJS852012 NTO852012 ODK852012 ONG852012 OXC852012 PGY852012 PQU852012 QAQ852012 QKM852012 QUI852012 REE852012 ROA852012 RXW852012 SHS852012 SRO852012 TBK852012 TLG852012 TVC852012 UEY852012 UOU852012 UYQ852012 VIM852012 VSI852012 WCE852012 WMA852012 WVW852012 O917548 JK917548 TG917548 ADC917548 AMY917548 AWU917548 BGQ917548 BQM917548 CAI917548 CKE917548 CUA917548 DDW917548 DNS917548 DXO917548 EHK917548 ERG917548 FBC917548 FKY917548 FUU917548 GEQ917548 GOM917548 GYI917548 HIE917548 HSA917548 IBW917548 ILS917548 IVO917548 JFK917548 JPG917548 JZC917548 KIY917548 KSU917548 LCQ917548 LMM917548 LWI917548 MGE917548 MQA917548 MZW917548 NJS917548 NTO917548 ODK917548 ONG917548 OXC917548 PGY917548 PQU917548 QAQ917548 QKM917548 QUI917548 REE917548 ROA917548 RXW917548 SHS917548 SRO917548 TBK917548 TLG917548 TVC917548 UEY917548 UOU917548 UYQ917548 VIM917548 VSI917548 WCE917548 WMA917548 WVW917548 O983084 JK983084 TG983084 ADC983084 AMY983084 AWU983084 BGQ983084 BQM983084 CAI983084 CKE983084 CUA983084 DDW983084 DNS983084 DXO983084 EHK983084 ERG983084 FBC983084 FKY983084 FUU983084 GEQ983084 GOM983084 GYI983084 HIE983084 HSA983084 IBW983084 ILS983084 IVO983084 JFK983084 JPG983084 JZC983084 KIY983084 KSU983084 LCQ983084 LMM983084 LWI983084 MGE983084 MQA983084 MZW983084 NJS983084 NTO983084 ODK983084 ONG983084 OXC983084 PGY983084 PQU983084 QAQ983084 QKM983084 QUI983084 REE983084 ROA983084 RXW983084 SHS983084 SRO983084 TBK983084 TLG983084 TVC983084 UEY983084 UOU983084 UYQ983084 VIM983084 VSI983084 WCE983084 WMA983084 WVW983084 I45:I46 JE45:JE46 TA45:TA46 ACW45:ACW46 AMS45:AMS46 AWO45:AWO46 BGK45:BGK46 BQG45:BQG46 CAC45:CAC46 CJY45:CJY46 CTU45:CTU46 DDQ45:DDQ46 DNM45:DNM46 DXI45:DXI46 EHE45:EHE46 ERA45:ERA46 FAW45:FAW46 FKS45:FKS46 FUO45:FUO46 GEK45:GEK46 GOG45:GOG46 GYC45:GYC46 HHY45:HHY46 HRU45:HRU46 IBQ45:IBQ46 ILM45:ILM46 IVI45:IVI46 JFE45:JFE46 JPA45:JPA46 JYW45:JYW46 KIS45:KIS46 KSO45:KSO46 LCK45:LCK46 LMG45:LMG46 LWC45:LWC46 MFY45:MFY46 MPU45:MPU46 MZQ45:MZQ46 NJM45:NJM46 NTI45:NTI46 ODE45:ODE46 ONA45:ONA46 OWW45:OWW46 PGS45:PGS46 PQO45:PQO46 QAK45:QAK46 QKG45:QKG46 QUC45:QUC46 RDY45:RDY46 RNU45:RNU46 RXQ45:RXQ46 SHM45:SHM46 SRI45:SRI46 TBE45:TBE46 TLA45:TLA46 TUW45:TUW46 UES45:UES46 UOO45:UOO46 UYK45:UYK46 VIG45:VIG46 VSC45:VSC46 WBY45:WBY46 WLU45:WLU46 WVQ45:WVQ46 I65581:I65582 JE65581:JE65582 TA65581:TA65582 ACW65581:ACW65582 AMS65581:AMS65582 AWO65581:AWO65582 BGK65581:BGK65582 BQG65581:BQG65582 CAC65581:CAC65582 CJY65581:CJY65582 CTU65581:CTU65582 DDQ65581:DDQ65582 DNM65581:DNM65582 DXI65581:DXI65582 EHE65581:EHE65582 ERA65581:ERA65582 FAW65581:FAW65582 FKS65581:FKS65582 FUO65581:FUO65582 GEK65581:GEK65582 GOG65581:GOG65582 GYC65581:GYC65582 HHY65581:HHY65582 HRU65581:HRU65582 IBQ65581:IBQ65582 ILM65581:ILM65582 IVI65581:IVI65582 JFE65581:JFE65582 JPA65581:JPA65582 JYW65581:JYW65582 KIS65581:KIS65582 KSO65581:KSO65582 LCK65581:LCK65582 LMG65581:LMG65582 LWC65581:LWC65582 MFY65581:MFY65582 MPU65581:MPU65582 MZQ65581:MZQ65582 NJM65581:NJM65582 NTI65581:NTI65582 ODE65581:ODE65582 ONA65581:ONA65582 OWW65581:OWW65582 PGS65581:PGS65582 PQO65581:PQO65582 QAK65581:QAK65582 QKG65581:QKG65582 QUC65581:QUC65582 RDY65581:RDY65582 RNU65581:RNU65582 RXQ65581:RXQ65582 SHM65581:SHM65582 SRI65581:SRI65582 TBE65581:TBE65582 TLA65581:TLA65582 TUW65581:TUW65582 UES65581:UES65582 UOO65581:UOO65582 UYK65581:UYK65582 VIG65581:VIG65582 VSC65581:VSC65582 WBY65581:WBY65582 WLU65581:WLU65582 WVQ65581:WVQ65582 I131117:I131118 JE131117:JE131118 TA131117:TA131118 ACW131117:ACW131118 AMS131117:AMS131118 AWO131117:AWO131118 BGK131117:BGK131118 BQG131117:BQG131118 CAC131117:CAC131118 CJY131117:CJY131118 CTU131117:CTU131118 DDQ131117:DDQ131118 DNM131117:DNM131118 DXI131117:DXI131118 EHE131117:EHE131118 ERA131117:ERA131118 FAW131117:FAW131118 FKS131117:FKS131118 FUO131117:FUO131118 GEK131117:GEK131118 GOG131117:GOG131118 GYC131117:GYC131118 HHY131117:HHY131118 HRU131117:HRU131118 IBQ131117:IBQ131118 ILM131117:ILM131118 IVI131117:IVI131118 JFE131117:JFE131118 JPA131117:JPA131118 JYW131117:JYW131118 KIS131117:KIS131118 KSO131117:KSO131118 LCK131117:LCK131118 LMG131117:LMG131118 LWC131117:LWC131118 MFY131117:MFY131118 MPU131117:MPU131118 MZQ131117:MZQ131118 NJM131117:NJM131118 NTI131117:NTI131118 ODE131117:ODE131118 ONA131117:ONA131118 OWW131117:OWW131118 PGS131117:PGS131118 PQO131117:PQO131118 QAK131117:QAK131118 QKG131117:QKG131118 QUC131117:QUC131118 RDY131117:RDY131118 RNU131117:RNU131118 RXQ131117:RXQ131118 SHM131117:SHM131118 SRI131117:SRI131118 TBE131117:TBE131118 TLA131117:TLA131118 TUW131117:TUW131118 UES131117:UES131118 UOO131117:UOO131118 UYK131117:UYK131118 VIG131117:VIG131118 VSC131117:VSC131118 WBY131117:WBY131118 WLU131117:WLU131118 WVQ131117:WVQ131118 I196653:I196654 JE196653:JE196654 TA196653:TA196654 ACW196653:ACW196654 AMS196653:AMS196654 AWO196653:AWO196654 BGK196653:BGK196654 BQG196653:BQG196654 CAC196653:CAC196654 CJY196653:CJY196654 CTU196653:CTU196654 DDQ196653:DDQ196654 DNM196653:DNM196654 DXI196653:DXI196654 EHE196653:EHE196654 ERA196653:ERA196654 FAW196653:FAW196654 FKS196653:FKS196654 FUO196653:FUO196654 GEK196653:GEK196654 GOG196653:GOG196654 GYC196653:GYC196654 HHY196653:HHY196654 HRU196653:HRU196654 IBQ196653:IBQ196654 ILM196653:ILM196654 IVI196653:IVI196654 JFE196653:JFE196654 JPA196653:JPA196654 JYW196653:JYW196654 KIS196653:KIS196654 KSO196653:KSO196654 LCK196653:LCK196654 LMG196653:LMG196654 LWC196653:LWC196654 MFY196653:MFY196654 MPU196653:MPU196654 MZQ196653:MZQ196654 NJM196653:NJM196654 NTI196653:NTI196654 ODE196653:ODE196654 ONA196653:ONA196654 OWW196653:OWW196654 PGS196653:PGS196654 PQO196653:PQO196654 QAK196653:QAK196654 QKG196653:QKG196654 QUC196653:QUC196654 RDY196653:RDY196654 RNU196653:RNU196654 RXQ196653:RXQ196654 SHM196653:SHM196654 SRI196653:SRI196654 TBE196653:TBE196654 TLA196653:TLA196654 TUW196653:TUW196654 UES196653:UES196654 UOO196653:UOO196654 UYK196653:UYK196654 VIG196653:VIG196654 VSC196653:VSC196654 WBY196653:WBY196654 WLU196653:WLU196654 WVQ196653:WVQ196654 I262189:I262190 JE262189:JE262190 TA262189:TA262190 ACW262189:ACW262190 AMS262189:AMS262190 AWO262189:AWO262190 BGK262189:BGK262190 BQG262189:BQG262190 CAC262189:CAC262190 CJY262189:CJY262190 CTU262189:CTU262190 DDQ262189:DDQ262190 DNM262189:DNM262190 DXI262189:DXI262190 EHE262189:EHE262190 ERA262189:ERA262190 FAW262189:FAW262190 FKS262189:FKS262190 FUO262189:FUO262190 GEK262189:GEK262190 GOG262189:GOG262190 GYC262189:GYC262190 HHY262189:HHY262190 HRU262189:HRU262190 IBQ262189:IBQ262190 ILM262189:ILM262190 IVI262189:IVI262190 JFE262189:JFE262190 JPA262189:JPA262190 JYW262189:JYW262190 KIS262189:KIS262190 KSO262189:KSO262190 LCK262189:LCK262190 LMG262189:LMG262190 LWC262189:LWC262190 MFY262189:MFY262190 MPU262189:MPU262190 MZQ262189:MZQ262190 NJM262189:NJM262190 NTI262189:NTI262190 ODE262189:ODE262190 ONA262189:ONA262190 OWW262189:OWW262190 PGS262189:PGS262190 PQO262189:PQO262190 QAK262189:QAK262190 QKG262189:QKG262190 QUC262189:QUC262190 RDY262189:RDY262190 RNU262189:RNU262190 RXQ262189:RXQ262190 SHM262189:SHM262190 SRI262189:SRI262190 TBE262189:TBE262190 TLA262189:TLA262190 TUW262189:TUW262190 UES262189:UES262190 UOO262189:UOO262190 UYK262189:UYK262190 VIG262189:VIG262190 VSC262189:VSC262190 WBY262189:WBY262190 WLU262189:WLU262190 WVQ262189:WVQ262190 I327725:I327726 JE327725:JE327726 TA327725:TA327726 ACW327725:ACW327726 AMS327725:AMS327726 AWO327725:AWO327726 BGK327725:BGK327726 BQG327725:BQG327726 CAC327725:CAC327726 CJY327725:CJY327726 CTU327725:CTU327726 DDQ327725:DDQ327726 DNM327725:DNM327726 DXI327725:DXI327726 EHE327725:EHE327726 ERA327725:ERA327726 FAW327725:FAW327726 FKS327725:FKS327726 FUO327725:FUO327726 GEK327725:GEK327726 GOG327725:GOG327726 GYC327725:GYC327726 HHY327725:HHY327726 HRU327725:HRU327726 IBQ327725:IBQ327726 ILM327725:ILM327726 IVI327725:IVI327726 JFE327725:JFE327726 JPA327725:JPA327726 JYW327725:JYW327726 KIS327725:KIS327726 KSO327725:KSO327726 LCK327725:LCK327726 LMG327725:LMG327726 LWC327725:LWC327726 MFY327725:MFY327726 MPU327725:MPU327726 MZQ327725:MZQ327726 NJM327725:NJM327726 NTI327725:NTI327726 ODE327725:ODE327726 ONA327725:ONA327726 OWW327725:OWW327726 PGS327725:PGS327726 PQO327725:PQO327726 QAK327725:QAK327726 QKG327725:QKG327726 QUC327725:QUC327726 RDY327725:RDY327726 RNU327725:RNU327726 RXQ327725:RXQ327726 SHM327725:SHM327726 SRI327725:SRI327726 TBE327725:TBE327726 TLA327725:TLA327726 TUW327725:TUW327726 UES327725:UES327726 UOO327725:UOO327726 UYK327725:UYK327726 VIG327725:VIG327726 VSC327725:VSC327726 WBY327725:WBY327726 WLU327725:WLU327726 WVQ327725:WVQ327726 I393261:I393262 JE393261:JE393262 TA393261:TA393262 ACW393261:ACW393262 AMS393261:AMS393262 AWO393261:AWO393262 BGK393261:BGK393262 BQG393261:BQG393262 CAC393261:CAC393262 CJY393261:CJY393262 CTU393261:CTU393262 DDQ393261:DDQ393262 DNM393261:DNM393262 DXI393261:DXI393262 EHE393261:EHE393262 ERA393261:ERA393262 FAW393261:FAW393262 FKS393261:FKS393262 FUO393261:FUO393262 GEK393261:GEK393262 GOG393261:GOG393262 GYC393261:GYC393262 HHY393261:HHY393262 HRU393261:HRU393262 IBQ393261:IBQ393262 ILM393261:ILM393262 IVI393261:IVI393262 JFE393261:JFE393262 JPA393261:JPA393262 JYW393261:JYW393262 KIS393261:KIS393262 KSO393261:KSO393262 LCK393261:LCK393262 LMG393261:LMG393262 LWC393261:LWC393262 MFY393261:MFY393262 MPU393261:MPU393262 MZQ393261:MZQ393262 NJM393261:NJM393262 NTI393261:NTI393262 ODE393261:ODE393262 ONA393261:ONA393262 OWW393261:OWW393262 PGS393261:PGS393262 PQO393261:PQO393262 QAK393261:QAK393262 QKG393261:QKG393262 QUC393261:QUC393262 RDY393261:RDY393262 RNU393261:RNU393262 RXQ393261:RXQ393262 SHM393261:SHM393262 SRI393261:SRI393262 TBE393261:TBE393262 TLA393261:TLA393262 TUW393261:TUW393262 UES393261:UES393262 UOO393261:UOO393262 UYK393261:UYK393262 VIG393261:VIG393262 VSC393261:VSC393262 WBY393261:WBY393262 WLU393261:WLU393262 WVQ393261:WVQ393262 I458797:I458798 JE458797:JE458798 TA458797:TA458798 ACW458797:ACW458798 AMS458797:AMS458798 AWO458797:AWO458798 BGK458797:BGK458798 BQG458797:BQG458798 CAC458797:CAC458798 CJY458797:CJY458798 CTU458797:CTU458798 DDQ458797:DDQ458798 DNM458797:DNM458798 DXI458797:DXI458798 EHE458797:EHE458798 ERA458797:ERA458798 FAW458797:FAW458798 FKS458797:FKS458798 FUO458797:FUO458798 GEK458797:GEK458798 GOG458797:GOG458798 GYC458797:GYC458798 HHY458797:HHY458798 HRU458797:HRU458798 IBQ458797:IBQ458798 ILM458797:ILM458798 IVI458797:IVI458798 JFE458797:JFE458798 JPA458797:JPA458798 JYW458797:JYW458798 KIS458797:KIS458798 KSO458797:KSO458798 LCK458797:LCK458798 LMG458797:LMG458798 LWC458797:LWC458798 MFY458797:MFY458798 MPU458797:MPU458798 MZQ458797:MZQ458798 NJM458797:NJM458798 NTI458797:NTI458798 ODE458797:ODE458798 ONA458797:ONA458798 OWW458797:OWW458798 PGS458797:PGS458798 PQO458797:PQO458798 QAK458797:QAK458798 QKG458797:QKG458798 QUC458797:QUC458798 RDY458797:RDY458798 RNU458797:RNU458798 RXQ458797:RXQ458798 SHM458797:SHM458798 SRI458797:SRI458798 TBE458797:TBE458798 TLA458797:TLA458798 TUW458797:TUW458798 UES458797:UES458798 UOO458797:UOO458798 UYK458797:UYK458798 VIG458797:VIG458798 VSC458797:VSC458798 WBY458797:WBY458798 WLU458797:WLU458798 WVQ458797:WVQ458798 I524333:I524334 JE524333:JE524334 TA524333:TA524334 ACW524333:ACW524334 AMS524333:AMS524334 AWO524333:AWO524334 BGK524333:BGK524334 BQG524333:BQG524334 CAC524333:CAC524334 CJY524333:CJY524334 CTU524333:CTU524334 DDQ524333:DDQ524334 DNM524333:DNM524334 DXI524333:DXI524334 EHE524333:EHE524334 ERA524333:ERA524334 FAW524333:FAW524334 FKS524333:FKS524334 FUO524333:FUO524334 GEK524333:GEK524334 GOG524333:GOG524334 GYC524333:GYC524334 HHY524333:HHY524334 HRU524333:HRU524334 IBQ524333:IBQ524334 ILM524333:ILM524334 IVI524333:IVI524334 JFE524333:JFE524334 JPA524333:JPA524334 JYW524333:JYW524334 KIS524333:KIS524334 KSO524333:KSO524334 LCK524333:LCK524334 LMG524333:LMG524334 LWC524333:LWC524334 MFY524333:MFY524334 MPU524333:MPU524334 MZQ524333:MZQ524334 NJM524333:NJM524334 NTI524333:NTI524334 ODE524333:ODE524334 ONA524333:ONA524334 OWW524333:OWW524334 PGS524333:PGS524334 PQO524333:PQO524334 QAK524333:QAK524334 QKG524333:QKG524334 QUC524333:QUC524334 RDY524333:RDY524334 RNU524333:RNU524334 RXQ524333:RXQ524334 SHM524333:SHM524334 SRI524333:SRI524334 TBE524333:TBE524334 TLA524333:TLA524334 TUW524333:TUW524334 UES524333:UES524334 UOO524333:UOO524334 UYK524333:UYK524334 VIG524333:VIG524334 VSC524333:VSC524334 WBY524333:WBY524334 WLU524333:WLU524334 WVQ524333:WVQ524334 I589869:I589870 JE589869:JE589870 TA589869:TA589870 ACW589869:ACW589870 AMS589869:AMS589870 AWO589869:AWO589870 BGK589869:BGK589870 BQG589869:BQG589870 CAC589869:CAC589870 CJY589869:CJY589870 CTU589869:CTU589870 DDQ589869:DDQ589870 DNM589869:DNM589870 DXI589869:DXI589870 EHE589869:EHE589870 ERA589869:ERA589870 FAW589869:FAW589870 FKS589869:FKS589870 FUO589869:FUO589870 GEK589869:GEK589870 GOG589869:GOG589870 GYC589869:GYC589870 HHY589869:HHY589870 HRU589869:HRU589870 IBQ589869:IBQ589870 ILM589869:ILM589870 IVI589869:IVI589870 JFE589869:JFE589870 JPA589869:JPA589870 JYW589869:JYW589870 KIS589869:KIS589870 KSO589869:KSO589870 LCK589869:LCK589870 LMG589869:LMG589870 LWC589869:LWC589870 MFY589869:MFY589870 MPU589869:MPU589870 MZQ589869:MZQ589870 NJM589869:NJM589870 NTI589869:NTI589870 ODE589869:ODE589870 ONA589869:ONA589870 OWW589869:OWW589870 PGS589869:PGS589870 PQO589869:PQO589870 QAK589869:QAK589870 QKG589869:QKG589870 QUC589869:QUC589870 RDY589869:RDY589870 RNU589869:RNU589870 RXQ589869:RXQ589870 SHM589869:SHM589870 SRI589869:SRI589870 TBE589869:TBE589870 TLA589869:TLA589870 TUW589869:TUW589870 UES589869:UES589870 UOO589869:UOO589870 UYK589869:UYK589870 VIG589869:VIG589870 VSC589869:VSC589870 WBY589869:WBY589870 WLU589869:WLU589870 WVQ589869:WVQ589870 I655405:I655406 JE655405:JE655406 TA655405:TA655406 ACW655405:ACW655406 AMS655405:AMS655406 AWO655405:AWO655406 BGK655405:BGK655406 BQG655405:BQG655406 CAC655405:CAC655406 CJY655405:CJY655406 CTU655405:CTU655406 DDQ655405:DDQ655406 DNM655405:DNM655406 DXI655405:DXI655406 EHE655405:EHE655406 ERA655405:ERA655406 FAW655405:FAW655406 FKS655405:FKS655406 FUO655405:FUO655406 GEK655405:GEK655406 GOG655405:GOG655406 GYC655405:GYC655406 HHY655405:HHY655406 HRU655405:HRU655406 IBQ655405:IBQ655406 ILM655405:ILM655406 IVI655405:IVI655406 JFE655405:JFE655406 JPA655405:JPA655406 JYW655405:JYW655406 KIS655405:KIS655406 KSO655405:KSO655406 LCK655405:LCK655406 LMG655405:LMG655406 LWC655405:LWC655406 MFY655405:MFY655406 MPU655405:MPU655406 MZQ655405:MZQ655406 NJM655405:NJM655406 NTI655405:NTI655406 ODE655405:ODE655406 ONA655405:ONA655406 OWW655405:OWW655406 PGS655405:PGS655406 PQO655405:PQO655406 QAK655405:QAK655406 QKG655405:QKG655406 QUC655405:QUC655406 RDY655405:RDY655406 RNU655405:RNU655406 RXQ655405:RXQ655406 SHM655405:SHM655406 SRI655405:SRI655406 TBE655405:TBE655406 TLA655405:TLA655406 TUW655405:TUW655406 UES655405:UES655406 UOO655405:UOO655406 UYK655405:UYK655406 VIG655405:VIG655406 VSC655405:VSC655406 WBY655405:WBY655406 WLU655405:WLU655406 WVQ655405:WVQ655406 I720941:I720942 JE720941:JE720942 TA720941:TA720942 ACW720941:ACW720942 AMS720941:AMS720942 AWO720941:AWO720942 BGK720941:BGK720942 BQG720941:BQG720942 CAC720941:CAC720942 CJY720941:CJY720942 CTU720941:CTU720942 DDQ720941:DDQ720942 DNM720941:DNM720942 DXI720941:DXI720942 EHE720941:EHE720942 ERA720941:ERA720942 FAW720941:FAW720942 FKS720941:FKS720942 FUO720941:FUO720942 GEK720941:GEK720942 GOG720941:GOG720942 GYC720941:GYC720942 HHY720941:HHY720942 HRU720941:HRU720942 IBQ720941:IBQ720942 ILM720941:ILM720942 IVI720941:IVI720942 JFE720941:JFE720942 JPA720941:JPA720942 JYW720941:JYW720942 KIS720941:KIS720942 KSO720941:KSO720942 LCK720941:LCK720942 LMG720941:LMG720942 LWC720941:LWC720942 MFY720941:MFY720942 MPU720941:MPU720942 MZQ720941:MZQ720942 NJM720941:NJM720942 NTI720941:NTI720942 ODE720941:ODE720942 ONA720941:ONA720942 OWW720941:OWW720942 PGS720941:PGS720942 PQO720941:PQO720942 QAK720941:QAK720942 QKG720941:QKG720942 QUC720941:QUC720942 RDY720941:RDY720942 RNU720941:RNU720942 RXQ720941:RXQ720942 SHM720941:SHM720942 SRI720941:SRI720942 TBE720941:TBE720942 TLA720941:TLA720942 TUW720941:TUW720942 UES720941:UES720942 UOO720941:UOO720942 UYK720941:UYK720942 VIG720941:VIG720942 VSC720941:VSC720942 WBY720941:WBY720942 WLU720941:WLU720942 WVQ720941:WVQ720942 I786477:I786478 JE786477:JE786478 TA786477:TA786478 ACW786477:ACW786478 AMS786477:AMS786478 AWO786477:AWO786478 BGK786477:BGK786478 BQG786477:BQG786478 CAC786477:CAC786478 CJY786477:CJY786478 CTU786477:CTU786478 DDQ786477:DDQ786478 DNM786477:DNM786478 DXI786477:DXI786478 EHE786477:EHE786478 ERA786477:ERA786478 FAW786477:FAW786478 FKS786477:FKS786478 FUO786477:FUO786478 GEK786477:GEK786478 GOG786477:GOG786478 GYC786477:GYC786478 HHY786477:HHY786478 HRU786477:HRU786478 IBQ786477:IBQ786478 ILM786477:ILM786478 IVI786477:IVI786478 JFE786477:JFE786478 JPA786477:JPA786478 JYW786477:JYW786478 KIS786477:KIS786478 KSO786477:KSO786478 LCK786477:LCK786478 LMG786477:LMG786478 LWC786477:LWC786478 MFY786477:MFY786478 MPU786477:MPU786478 MZQ786477:MZQ786478 NJM786477:NJM786478 NTI786477:NTI786478 ODE786477:ODE786478 ONA786477:ONA786478 OWW786477:OWW786478 PGS786477:PGS786478 PQO786477:PQO786478 QAK786477:QAK786478 QKG786477:QKG786478 QUC786477:QUC786478 RDY786477:RDY786478 RNU786477:RNU786478 RXQ786477:RXQ786478 SHM786477:SHM786478 SRI786477:SRI786478 TBE786477:TBE786478 TLA786477:TLA786478 TUW786477:TUW786478 UES786477:UES786478 UOO786477:UOO786478 UYK786477:UYK786478 VIG786477:VIG786478 VSC786477:VSC786478 WBY786477:WBY786478 WLU786477:WLU786478 WVQ786477:WVQ786478 I852013:I852014 JE852013:JE852014 TA852013:TA852014 ACW852013:ACW852014 AMS852013:AMS852014 AWO852013:AWO852014 BGK852013:BGK852014 BQG852013:BQG852014 CAC852013:CAC852014 CJY852013:CJY852014 CTU852013:CTU852014 DDQ852013:DDQ852014 DNM852013:DNM852014 DXI852013:DXI852014 EHE852013:EHE852014 ERA852013:ERA852014 FAW852013:FAW852014 FKS852013:FKS852014 FUO852013:FUO852014 GEK852013:GEK852014 GOG852013:GOG852014 GYC852013:GYC852014 HHY852013:HHY852014 HRU852013:HRU852014 IBQ852013:IBQ852014 ILM852013:ILM852014 IVI852013:IVI852014 JFE852013:JFE852014 JPA852013:JPA852014 JYW852013:JYW852014 KIS852013:KIS852014 KSO852013:KSO852014 LCK852013:LCK852014 LMG852013:LMG852014 LWC852013:LWC852014 MFY852013:MFY852014 MPU852013:MPU852014 MZQ852013:MZQ852014 NJM852013:NJM852014 NTI852013:NTI852014 ODE852013:ODE852014 ONA852013:ONA852014 OWW852013:OWW852014 PGS852013:PGS852014 PQO852013:PQO852014 QAK852013:QAK852014 QKG852013:QKG852014 QUC852013:QUC852014 RDY852013:RDY852014 RNU852013:RNU852014 RXQ852013:RXQ852014 SHM852013:SHM852014 SRI852013:SRI852014 TBE852013:TBE852014 TLA852013:TLA852014 TUW852013:TUW852014 UES852013:UES852014 UOO852013:UOO852014 UYK852013:UYK852014 VIG852013:VIG852014 VSC852013:VSC852014 WBY852013:WBY852014 WLU852013:WLU852014 WVQ852013:WVQ852014 I917549:I917550 JE917549:JE917550 TA917549:TA917550 ACW917549:ACW917550 AMS917549:AMS917550 AWO917549:AWO917550 BGK917549:BGK917550 BQG917549:BQG917550 CAC917549:CAC917550 CJY917549:CJY917550 CTU917549:CTU917550 DDQ917549:DDQ917550 DNM917549:DNM917550 DXI917549:DXI917550 EHE917549:EHE917550 ERA917549:ERA917550 FAW917549:FAW917550 FKS917549:FKS917550 FUO917549:FUO917550 GEK917549:GEK917550 GOG917549:GOG917550 GYC917549:GYC917550 HHY917549:HHY917550 HRU917549:HRU917550 IBQ917549:IBQ917550 ILM917549:ILM917550 IVI917549:IVI917550 JFE917549:JFE917550 JPA917549:JPA917550 JYW917549:JYW917550 KIS917549:KIS917550 KSO917549:KSO917550 LCK917549:LCK917550 LMG917549:LMG917550 LWC917549:LWC917550 MFY917549:MFY917550 MPU917549:MPU917550 MZQ917549:MZQ917550 NJM917549:NJM917550 NTI917549:NTI917550 ODE917549:ODE917550 ONA917549:ONA917550 OWW917549:OWW917550 PGS917549:PGS917550 PQO917549:PQO917550 QAK917549:QAK917550 QKG917549:QKG917550 QUC917549:QUC917550 RDY917549:RDY917550 RNU917549:RNU917550 RXQ917549:RXQ917550 SHM917549:SHM917550 SRI917549:SRI917550 TBE917549:TBE917550 TLA917549:TLA917550 TUW917549:TUW917550 UES917549:UES917550 UOO917549:UOO917550 UYK917549:UYK917550 VIG917549:VIG917550 VSC917549:VSC917550 WBY917549:WBY917550 WLU917549:WLU917550 WVQ917549:WVQ917550 I983085:I983086 JE983085:JE983086 TA983085:TA983086 ACW983085:ACW983086 AMS983085:AMS983086 AWO983085:AWO983086 BGK983085:BGK983086 BQG983085:BQG983086 CAC983085:CAC983086 CJY983085:CJY983086 CTU983085:CTU983086 DDQ983085:DDQ983086 DNM983085:DNM983086 DXI983085:DXI983086 EHE983085:EHE983086 ERA983085:ERA983086 FAW983085:FAW983086 FKS983085:FKS983086 FUO983085:FUO983086 GEK983085:GEK983086 GOG983085:GOG983086 GYC983085:GYC983086 HHY983085:HHY983086 HRU983085:HRU983086 IBQ983085:IBQ983086 ILM983085:ILM983086 IVI983085:IVI983086 JFE983085:JFE983086 JPA983085:JPA983086 JYW983085:JYW983086 KIS983085:KIS983086 KSO983085:KSO983086 LCK983085:LCK983086 LMG983085:LMG983086 LWC983085:LWC983086 MFY983085:MFY983086 MPU983085:MPU983086 MZQ983085:MZQ983086 NJM983085:NJM983086 NTI983085:NTI983086 ODE983085:ODE983086 ONA983085:ONA983086 OWW983085:OWW983086 PGS983085:PGS983086 PQO983085:PQO983086 QAK983085:QAK983086 QKG983085:QKG983086 QUC983085:QUC983086 RDY983085:RDY983086 RNU983085:RNU983086 RXQ983085:RXQ983086 SHM983085:SHM983086 SRI983085:SRI983086 TBE983085:TBE983086 TLA983085:TLA983086 TUW983085:TUW983086 UES983085:UES983086 UOO983085:UOO983086 UYK983085:UYK983086 VIG983085:VIG983086 VSC983085:VSC983086 WBY983085:WBY983086 WLU983085:WLU983086 WVQ983085:WVQ983086 L45:L46 JH45:JH46 TD45:TD46 ACZ45:ACZ46 AMV45:AMV46 AWR45:AWR46 BGN45:BGN46 BQJ45:BQJ46 CAF45:CAF46 CKB45:CKB46 CTX45:CTX46 DDT45:DDT46 DNP45:DNP46 DXL45:DXL46 EHH45:EHH46 ERD45:ERD46 FAZ45:FAZ46 FKV45:FKV46 FUR45:FUR46 GEN45:GEN46 GOJ45:GOJ46 GYF45:GYF46 HIB45:HIB46 HRX45:HRX46 IBT45:IBT46 ILP45:ILP46 IVL45:IVL46 JFH45:JFH46 JPD45:JPD46 JYZ45:JYZ46 KIV45:KIV46 KSR45:KSR46 LCN45:LCN46 LMJ45:LMJ46 LWF45:LWF46 MGB45:MGB46 MPX45:MPX46 MZT45:MZT46 NJP45:NJP46 NTL45:NTL46 ODH45:ODH46 OND45:OND46 OWZ45:OWZ46 PGV45:PGV46 PQR45:PQR46 QAN45:QAN46 QKJ45:QKJ46 QUF45:QUF46 REB45:REB46 RNX45:RNX46 RXT45:RXT46 SHP45:SHP46 SRL45:SRL46 TBH45:TBH46 TLD45:TLD46 TUZ45:TUZ46 UEV45:UEV46 UOR45:UOR46 UYN45:UYN46 VIJ45:VIJ46 VSF45:VSF46 WCB45:WCB46 WLX45:WLX46 WVT45:WVT46 L65581:L65582 JH65581:JH65582 TD65581:TD65582 ACZ65581:ACZ65582 AMV65581:AMV65582 AWR65581:AWR65582 BGN65581:BGN65582 BQJ65581:BQJ65582 CAF65581:CAF65582 CKB65581:CKB65582 CTX65581:CTX65582 DDT65581:DDT65582 DNP65581:DNP65582 DXL65581:DXL65582 EHH65581:EHH65582 ERD65581:ERD65582 FAZ65581:FAZ65582 FKV65581:FKV65582 FUR65581:FUR65582 GEN65581:GEN65582 GOJ65581:GOJ65582 GYF65581:GYF65582 HIB65581:HIB65582 HRX65581:HRX65582 IBT65581:IBT65582 ILP65581:ILP65582 IVL65581:IVL65582 JFH65581:JFH65582 JPD65581:JPD65582 JYZ65581:JYZ65582 KIV65581:KIV65582 KSR65581:KSR65582 LCN65581:LCN65582 LMJ65581:LMJ65582 LWF65581:LWF65582 MGB65581:MGB65582 MPX65581:MPX65582 MZT65581:MZT65582 NJP65581:NJP65582 NTL65581:NTL65582 ODH65581:ODH65582 OND65581:OND65582 OWZ65581:OWZ65582 PGV65581:PGV65582 PQR65581:PQR65582 QAN65581:QAN65582 QKJ65581:QKJ65582 QUF65581:QUF65582 REB65581:REB65582 RNX65581:RNX65582 RXT65581:RXT65582 SHP65581:SHP65582 SRL65581:SRL65582 TBH65581:TBH65582 TLD65581:TLD65582 TUZ65581:TUZ65582 UEV65581:UEV65582 UOR65581:UOR65582 UYN65581:UYN65582 VIJ65581:VIJ65582 VSF65581:VSF65582 WCB65581:WCB65582 WLX65581:WLX65582 WVT65581:WVT65582 L131117:L131118 JH131117:JH131118 TD131117:TD131118 ACZ131117:ACZ131118 AMV131117:AMV131118 AWR131117:AWR131118 BGN131117:BGN131118 BQJ131117:BQJ131118 CAF131117:CAF131118 CKB131117:CKB131118 CTX131117:CTX131118 DDT131117:DDT131118 DNP131117:DNP131118 DXL131117:DXL131118 EHH131117:EHH131118 ERD131117:ERD131118 FAZ131117:FAZ131118 FKV131117:FKV131118 FUR131117:FUR131118 GEN131117:GEN131118 GOJ131117:GOJ131118 GYF131117:GYF131118 HIB131117:HIB131118 HRX131117:HRX131118 IBT131117:IBT131118 ILP131117:ILP131118 IVL131117:IVL131118 JFH131117:JFH131118 JPD131117:JPD131118 JYZ131117:JYZ131118 KIV131117:KIV131118 KSR131117:KSR131118 LCN131117:LCN131118 LMJ131117:LMJ131118 LWF131117:LWF131118 MGB131117:MGB131118 MPX131117:MPX131118 MZT131117:MZT131118 NJP131117:NJP131118 NTL131117:NTL131118 ODH131117:ODH131118 OND131117:OND131118 OWZ131117:OWZ131118 PGV131117:PGV131118 PQR131117:PQR131118 QAN131117:QAN131118 QKJ131117:QKJ131118 QUF131117:QUF131118 REB131117:REB131118 RNX131117:RNX131118 RXT131117:RXT131118 SHP131117:SHP131118 SRL131117:SRL131118 TBH131117:TBH131118 TLD131117:TLD131118 TUZ131117:TUZ131118 UEV131117:UEV131118 UOR131117:UOR131118 UYN131117:UYN131118 VIJ131117:VIJ131118 VSF131117:VSF131118 WCB131117:WCB131118 WLX131117:WLX131118 WVT131117:WVT131118 L196653:L196654 JH196653:JH196654 TD196653:TD196654 ACZ196653:ACZ196654 AMV196653:AMV196654 AWR196653:AWR196654 BGN196653:BGN196654 BQJ196653:BQJ196654 CAF196653:CAF196654 CKB196653:CKB196654 CTX196653:CTX196654 DDT196653:DDT196654 DNP196653:DNP196654 DXL196653:DXL196654 EHH196653:EHH196654 ERD196653:ERD196654 FAZ196653:FAZ196654 FKV196653:FKV196654 FUR196653:FUR196654 GEN196653:GEN196654 GOJ196653:GOJ196654 GYF196653:GYF196654 HIB196653:HIB196654 HRX196653:HRX196654 IBT196653:IBT196654 ILP196653:ILP196654 IVL196653:IVL196654 JFH196653:JFH196654 JPD196653:JPD196654 JYZ196653:JYZ196654 KIV196653:KIV196654 KSR196653:KSR196654 LCN196653:LCN196654 LMJ196653:LMJ196654 LWF196653:LWF196654 MGB196653:MGB196654 MPX196653:MPX196654 MZT196653:MZT196654 NJP196653:NJP196654 NTL196653:NTL196654 ODH196653:ODH196654 OND196653:OND196654 OWZ196653:OWZ196654 PGV196653:PGV196654 PQR196653:PQR196654 QAN196653:QAN196654 QKJ196653:QKJ196654 QUF196653:QUF196654 REB196653:REB196654 RNX196653:RNX196654 RXT196653:RXT196654 SHP196653:SHP196654 SRL196653:SRL196654 TBH196653:TBH196654 TLD196653:TLD196654 TUZ196653:TUZ196654 UEV196653:UEV196654 UOR196653:UOR196654 UYN196653:UYN196654 VIJ196653:VIJ196654 VSF196653:VSF196654 WCB196653:WCB196654 WLX196653:WLX196654 WVT196653:WVT196654 L262189:L262190 JH262189:JH262190 TD262189:TD262190 ACZ262189:ACZ262190 AMV262189:AMV262190 AWR262189:AWR262190 BGN262189:BGN262190 BQJ262189:BQJ262190 CAF262189:CAF262190 CKB262189:CKB262190 CTX262189:CTX262190 DDT262189:DDT262190 DNP262189:DNP262190 DXL262189:DXL262190 EHH262189:EHH262190 ERD262189:ERD262190 FAZ262189:FAZ262190 FKV262189:FKV262190 FUR262189:FUR262190 GEN262189:GEN262190 GOJ262189:GOJ262190 GYF262189:GYF262190 HIB262189:HIB262190 HRX262189:HRX262190 IBT262189:IBT262190 ILP262189:ILP262190 IVL262189:IVL262190 JFH262189:JFH262190 JPD262189:JPD262190 JYZ262189:JYZ262190 KIV262189:KIV262190 KSR262189:KSR262190 LCN262189:LCN262190 LMJ262189:LMJ262190 LWF262189:LWF262190 MGB262189:MGB262190 MPX262189:MPX262190 MZT262189:MZT262190 NJP262189:NJP262190 NTL262189:NTL262190 ODH262189:ODH262190 OND262189:OND262190 OWZ262189:OWZ262190 PGV262189:PGV262190 PQR262189:PQR262190 QAN262189:QAN262190 QKJ262189:QKJ262190 QUF262189:QUF262190 REB262189:REB262190 RNX262189:RNX262190 RXT262189:RXT262190 SHP262189:SHP262190 SRL262189:SRL262190 TBH262189:TBH262190 TLD262189:TLD262190 TUZ262189:TUZ262190 UEV262189:UEV262190 UOR262189:UOR262190 UYN262189:UYN262190 VIJ262189:VIJ262190 VSF262189:VSF262190 WCB262189:WCB262190 WLX262189:WLX262190 WVT262189:WVT262190 L327725:L327726 JH327725:JH327726 TD327725:TD327726 ACZ327725:ACZ327726 AMV327725:AMV327726 AWR327725:AWR327726 BGN327725:BGN327726 BQJ327725:BQJ327726 CAF327725:CAF327726 CKB327725:CKB327726 CTX327725:CTX327726 DDT327725:DDT327726 DNP327725:DNP327726 DXL327725:DXL327726 EHH327725:EHH327726 ERD327725:ERD327726 FAZ327725:FAZ327726 FKV327725:FKV327726 FUR327725:FUR327726 GEN327725:GEN327726 GOJ327725:GOJ327726 GYF327725:GYF327726 HIB327725:HIB327726 HRX327725:HRX327726 IBT327725:IBT327726 ILP327725:ILP327726 IVL327725:IVL327726 JFH327725:JFH327726 JPD327725:JPD327726 JYZ327725:JYZ327726 KIV327725:KIV327726 KSR327725:KSR327726 LCN327725:LCN327726 LMJ327725:LMJ327726 LWF327725:LWF327726 MGB327725:MGB327726 MPX327725:MPX327726 MZT327725:MZT327726 NJP327725:NJP327726 NTL327725:NTL327726 ODH327725:ODH327726 OND327725:OND327726 OWZ327725:OWZ327726 PGV327725:PGV327726 PQR327725:PQR327726 QAN327725:QAN327726 QKJ327725:QKJ327726 QUF327725:QUF327726 REB327725:REB327726 RNX327725:RNX327726 RXT327725:RXT327726 SHP327725:SHP327726 SRL327725:SRL327726 TBH327725:TBH327726 TLD327725:TLD327726 TUZ327725:TUZ327726 UEV327725:UEV327726 UOR327725:UOR327726 UYN327725:UYN327726 VIJ327725:VIJ327726 VSF327725:VSF327726 WCB327725:WCB327726 WLX327725:WLX327726 WVT327725:WVT327726 L393261:L393262 JH393261:JH393262 TD393261:TD393262 ACZ393261:ACZ393262 AMV393261:AMV393262 AWR393261:AWR393262 BGN393261:BGN393262 BQJ393261:BQJ393262 CAF393261:CAF393262 CKB393261:CKB393262 CTX393261:CTX393262 DDT393261:DDT393262 DNP393261:DNP393262 DXL393261:DXL393262 EHH393261:EHH393262 ERD393261:ERD393262 FAZ393261:FAZ393262 FKV393261:FKV393262 FUR393261:FUR393262 GEN393261:GEN393262 GOJ393261:GOJ393262 GYF393261:GYF393262 HIB393261:HIB393262 HRX393261:HRX393262 IBT393261:IBT393262 ILP393261:ILP393262 IVL393261:IVL393262 JFH393261:JFH393262 JPD393261:JPD393262 JYZ393261:JYZ393262 KIV393261:KIV393262 KSR393261:KSR393262 LCN393261:LCN393262 LMJ393261:LMJ393262 LWF393261:LWF393262 MGB393261:MGB393262 MPX393261:MPX393262 MZT393261:MZT393262 NJP393261:NJP393262 NTL393261:NTL393262 ODH393261:ODH393262 OND393261:OND393262 OWZ393261:OWZ393262 PGV393261:PGV393262 PQR393261:PQR393262 QAN393261:QAN393262 QKJ393261:QKJ393262 QUF393261:QUF393262 REB393261:REB393262 RNX393261:RNX393262 RXT393261:RXT393262 SHP393261:SHP393262 SRL393261:SRL393262 TBH393261:TBH393262 TLD393261:TLD393262 TUZ393261:TUZ393262 UEV393261:UEV393262 UOR393261:UOR393262 UYN393261:UYN393262 VIJ393261:VIJ393262 VSF393261:VSF393262 WCB393261:WCB393262 WLX393261:WLX393262 WVT393261:WVT393262 L458797:L458798 JH458797:JH458798 TD458797:TD458798 ACZ458797:ACZ458798 AMV458797:AMV458798 AWR458797:AWR458798 BGN458797:BGN458798 BQJ458797:BQJ458798 CAF458797:CAF458798 CKB458797:CKB458798 CTX458797:CTX458798 DDT458797:DDT458798 DNP458797:DNP458798 DXL458797:DXL458798 EHH458797:EHH458798 ERD458797:ERD458798 FAZ458797:FAZ458798 FKV458797:FKV458798 FUR458797:FUR458798 GEN458797:GEN458798 GOJ458797:GOJ458798 GYF458797:GYF458798 HIB458797:HIB458798 HRX458797:HRX458798 IBT458797:IBT458798 ILP458797:ILP458798 IVL458797:IVL458798 JFH458797:JFH458798 JPD458797:JPD458798 JYZ458797:JYZ458798 KIV458797:KIV458798 KSR458797:KSR458798 LCN458797:LCN458798 LMJ458797:LMJ458798 LWF458797:LWF458798 MGB458797:MGB458798 MPX458797:MPX458798 MZT458797:MZT458798 NJP458797:NJP458798 NTL458797:NTL458798 ODH458797:ODH458798 OND458797:OND458798 OWZ458797:OWZ458798 PGV458797:PGV458798 PQR458797:PQR458798 QAN458797:QAN458798 QKJ458797:QKJ458798 QUF458797:QUF458798 REB458797:REB458798 RNX458797:RNX458798 RXT458797:RXT458798 SHP458797:SHP458798 SRL458797:SRL458798 TBH458797:TBH458798 TLD458797:TLD458798 TUZ458797:TUZ458798 UEV458797:UEV458798 UOR458797:UOR458798 UYN458797:UYN458798 VIJ458797:VIJ458798 VSF458797:VSF458798 WCB458797:WCB458798 WLX458797:WLX458798 WVT458797:WVT458798 L524333:L524334 JH524333:JH524334 TD524333:TD524334 ACZ524333:ACZ524334 AMV524333:AMV524334 AWR524333:AWR524334 BGN524333:BGN524334 BQJ524333:BQJ524334 CAF524333:CAF524334 CKB524333:CKB524334 CTX524333:CTX524334 DDT524333:DDT524334 DNP524333:DNP524334 DXL524333:DXL524334 EHH524333:EHH524334 ERD524333:ERD524334 FAZ524333:FAZ524334 FKV524333:FKV524334 FUR524333:FUR524334 GEN524333:GEN524334 GOJ524333:GOJ524334 GYF524333:GYF524334 HIB524333:HIB524334 HRX524333:HRX524334 IBT524333:IBT524334 ILP524333:ILP524334 IVL524333:IVL524334 JFH524333:JFH524334 JPD524333:JPD524334 JYZ524333:JYZ524334 KIV524333:KIV524334 KSR524333:KSR524334 LCN524333:LCN524334 LMJ524333:LMJ524334 LWF524333:LWF524334 MGB524333:MGB524334 MPX524333:MPX524334 MZT524333:MZT524334 NJP524333:NJP524334 NTL524333:NTL524334 ODH524333:ODH524334 OND524333:OND524334 OWZ524333:OWZ524334 PGV524333:PGV524334 PQR524333:PQR524334 QAN524333:QAN524334 QKJ524333:QKJ524334 QUF524333:QUF524334 REB524333:REB524334 RNX524333:RNX524334 RXT524333:RXT524334 SHP524333:SHP524334 SRL524333:SRL524334 TBH524333:TBH524334 TLD524333:TLD524334 TUZ524333:TUZ524334 UEV524333:UEV524334 UOR524333:UOR524334 UYN524333:UYN524334 VIJ524333:VIJ524334 VSF524333:VSF524334 WCB524333:WCB524334 WLX524333:WLX524334 WVT524333:WVT524334 L589869:L589870 JH589869:JH589870 TD589869:TD589870 ACZ589869:ACZ589870 AMV589869:AMV589870 AWR589869:AWR589870 BGN589869:BGN589870 BQJ589869:BQJ589870 CAF589869:CAF589870 CKB589869:CKB589870 CTX589869:CTX589870 DDT589869:DDT589870 DNP589869:DNP589870 DXL589869:DXL589870 EHH589869:EHH589870 ERD589869:ERD589870 FAZ589869:FAZ589870 FKV589869:FKV589870 FUR589869:FUR589870 GEN589869:GEN589870 GOJ589869:GOJ589870 GYF589869:GYF589870 HIB589869:HIB589870 HRX589869:HRX589870 IBT589869:IBT589870 ILP589869:ILP589870 IVL589869:IVL589870 JFH589869:JFH589870 JPD589869:JPD589870 JYZ589869:JYZ589870 KIV589869:KIV589870 KSR589869:KSR589870 LCN589869:LCN589870 LMJ589869:LMJ589870 LWF589869:LWF589870 MGB589869:MGB589870 MPX589869:MPX589870 MZT589869:MZT589870 NJP589869:NJP589870 NTL589869:NTL589870 ODH589869:ODH589870 OND589869:OND589870 OWZ589869:OWZ589870 PGV589869:PGV589870 PQR589869:PQR589870 QAN589869:QAN589870 QKJ589869:QKJ589870 QUF589869:QUF589870 REB589869:REB589870 RNX589869:RNX589870 RXT589869:RXT589870 SHP589869:SHP589870 SRL589869:SRL589870 TBH589869:TBH589870 TLD589869:TLD589870 TUZ589869:TUZ589870 UEV589869:UEV589870 UOR589869:UOR589870 UYN589869:UYN589870 VIJ589869:VIJ589870 VSF589869:VSF589870 WCB589869:WCB589870 WLX589869:WLX589870 WVT589869:WVT589870 L655405:L655406 JH655405:JH655406 TD655405:TD655406 ACZ655405:ACZ655406 AMV655405:AMV655406 AWR655405:AWR655406 BGN655405:BGN655406 BQJ655405:BQJ655406 CAF655405:CAF655406 CKB655405:CKB655406 CTX655405:CTX655406 DDT655405:DDT655406 DNP655405:DNP655406 DXL655405:DXL655406 EHH655405:EHH655406 ERD655405:ERD655406 FAZ655405:FAZ655406 FKV655405:FKV655406 FUR655405:FUR655406 GEN655405:GEN655406 GOJ655405:GOJ655406 GYF655405:GYF655406 HIB655405:HIB655406 HRX655405:HRX655406 IBT655405:IBT655406 ILP655405:ILP655406 IVL655405:IVL655406 JFH655405:JFH655406 JPD655405:JPD655406 JYZ655405:JYZ655406 KIV655405:KIV655406 KSR655405:KSR655406 LCN655405:LCN655406 LMJ655405:LMJ655406 LWF655405:LWF655406 MGB655405:MGB655406 MPX655405:MPX655406 MZT655405:MZT655406 NJP655405:NJP655406 NTL655405:NTL655406 ODH655405:ODH655406 OND655405:OND655406 OWZ655405:OWZ655406 PGV655405:PGV655406 PQR655405:PQR655406 QAN655405:QAN655406 QKJ655405:QKJ655406 QUF655405:QUF655406 REB655405:REB655406 RNX655405:RNX655406 RXT655405:RXT655406 SHP655405:SHP655406 SRL655405:SRL655406 TBH655405:TBH655406 TLD655405:TLD655406 TUZ655405:TUZ655406 UEV655405:UEV655406 UOR655405:UOR655406 UYN655405:UYN655406 VIJ655405:VIJ655406 VSF655405:VSF655406 WCB655405:WCB655406 WLX655405:WLX655406 WVT655405:WVT655406 L720941:L720942 JH720941:JH720942 TD720941:TD720942 ACZ720941:ACZ720942 AMV720941:AMV720942 AWR720941:AWR720942 BGN720941:BGN720942 BQJ720941:BQJ720942 CAF720941:CAF720942 CKB720941:CKB720942 CTX720941:CTX720942 DDT720941:DDT720942 DNP720941:DNP720942 DXL720941:DXL720942 EHH720941:EHH720942 ERD720941:ERD720942 FAZ720941:FAZ720942 FKV720941:FKV720942 FUR720941:FUR720942 GEN720941:GEN720942 GOJ720941:GOJ720942 GYF720941:GYF720942 HIB720941:HIB720942 HRX720941:HRX720942 IBT720941:IBT720942 ILP720941:ILP720942 IVL720941:IVL720942 JFH720941:JFH720942 JPD720941:JPD720942 JYZ720941:JYZ720942 KIV720941:KIV720942 KSR720941:KSR720942 LCN720941:LCN720942 LMJ720941:LMJ720942 LWF720941:LWF720942 MGB720941:MGB720942 MPX720941:MPX720942 MZT720941:MZT720942 NJP720941:NJP720942 NTL720941:NTL720942 ODH720941:ODH720942 OND720941:OND720942 OWZ720941:OWZ720942 PGV720941:PGV720942 PQR720941:PQR720942 QAN720941:QAN720942 QKJ720941:QKJ720942 QUF720941:QUF720942 REB720941:REB720942 RNX720941:RNX720942 RXT720941:RXT720942 SHP720941:SHP720942 SRL720941:SRL720942 TBH720941:TBH720942 TLD720941:TLD720942 TUZ720941:TUZ720942 UEV720941:UEV720942 UOR720941:UOR720942 UYN720941:UYN720942 VIJ720941:VIJ720942 VSF720941:VSF720942 WCB720941:WCB720942 WLX720941:WLX720942 WVT720941:WVT720942 L786477:L786478 JH786477:JH786478 TD786477:TD786478 ACZ786477:ACZ786478 AMV786477:AMV786478 AWR786477:AWR786478 BGN786477:BGN786478 BQJ786477:BQJ786478 CAF786477:CAF786478 CKB786477:CKB786478 CTX786477:CTX786478 DDT786477:DDT786478 DNP786477:DNP786478 DXL786477:DXL786478 EHH786477:EHH786478 ERD786477:ERD786478 FAZ786477:FAZ786478 FKV786477:FKV786478 FUR786477:FUR786478 GEN786477:GEN786478 GOJ786477:GOJ786478 GYF786477:GYF786478 HIB786477:HIB786478 HRX786477:HRX786478 IBT786477:IBT786478 ILP786477:ILP786478 IVL786477:IVL786478 JFH786477:JFH786478 JPD786477:JPD786478 JYZ786477:JYZ786478 KIV786477:KIV786478 KSR786477:KSR786478 LCN786477:LCN786478 LMJ786477:LMJ786478 LWF786477:LWF786478 MGB786477:MGB786478 MPX786477:MPX786478 MZT786477:MZT786478 NJP786477:NJP786478 NTL786477:NTL786478 ODH786477:ODH786478 OND786477:OND786478 OWZ786477:OWZ786478 PGV786477:PGV786478 PQR786477:PQR786478 QAN786477:QAN786478 QKJ786477:QKJ786478 QUF786477:QUF786478 REB786477:REB786478 RNX786477:RNX786478 RXT786477:RXT786478 SHP786477:SHP786478 SRL786477:SRL786478 TBH786477:TBH786478 TLD786477:TLD786478 TUZ786477:TUZ786478 UEV786477:UEV786478 UOR786477:UOR786478 UYN786477:UYN786478 VIJ786477:VIJ786478 VSF786477:VSF786478 WCB786477:WCB786478 WLX786477:WLX786478 WVT786477:WVT786478 L852013:L852014 JH852013:JH852014 TD852013:TD852014 ACZ852013:ACZ852014 AMV852013:AMV852014 AWR852013:AWR852014 BGN852013:BGN852014 BQJ852013:BQJ852014 CAF852013:CAF852014 CKB852013:CKB852014 CTX852013:CTX852014 DDT852013:DDT852014 DNP852013:DNP852014 DXL852013:DXL852014 EHH852013:EHH852014 ERD852013:ERD852014 FAZ852013:FAZ852014 FKV852013:FKV852014 FUR852013:FUR852014 GEN852013:GEN852014 GOJ852013:GOJ852014 GYF852013:GYF852014 HIB852013:HIB852014 HRX852013:HRX852014 IBT852013:IBT852014 ILP852013:ILP852014 IVL852013:IVL852014 JFH852013:JFH852014 JPD852013:JPD852014 JYZ852013:JYZ852014 KIV852013:KIV852014 KSR852013:KSR852014 LCN852013:LCN852014 LMJ852013:LMJ852014 LWF852013:LWF852014 MGB852013:MGB852014 MPX852013:MPX852014 MZT852013:MZT852014 NJP852013:NJP852014 NTL852013:NTL852014 ODH852013:ODH852014 OND852013:OND852014 OWZ852013:OWZ852014 PGV852013:PGV852014 PQR852013:PQR852014 QAN852013:QAN852014 QKJ852013:QKJ852014 QUF852013:QUF852014 REB852013:REB852014 RNX852013:RNX852014 RXT852013:RXT852014 SHP852013:SHP852014 SRL852013:SRL852014 TBH852013:TBH852014 TLD852013:TLD852014 TUZ852013:TUZ852014 UEV852013:UEV852014 UOR852013:UOR852014 UYN852013:UYN852014 VIJ852013:VIJ852014 VSF852013:VSF852014 WCB852013:WCB852014 WLX852013:WLX852014 WVT852013:WVT852014 L917549:L917550 JH917549:JH917550 TD917549:TD917550 ACZ917549:ACZ917550 AMV917549:AMV917550 AWR917549:AWR917550 BGN917549:BGN917550 BQJ917549:BQJ917550 CAF917549:CAF917550 CKB917549:CKB917550 CTX917549:CTX917550 DDT917549:DDT917550 DNP917549:DNP917550 DXL917549:DXL917550 EHH917549:EHH917550 ERD917549:ERD917550 FAZ917549:FAZ917550 FKV917549:FKV917550 FUR917549:FUR917550 GEN917549:GEN917550 GOJ917549:GOJ917550 GYF917549:GYF917550 HIB917549:HIB917550 HRX917549:HRX917550 IBT917549:IBT917550 ILP917549:ILP917550 IVL917549:IVL917550 JFH917549:JFH917550 JPD917549:JPD917550 JYZ917549:JYZ917550 KIV917549:KIV917550 KSR917549:KSR917550 LCN917549:LCN917550 LMJ917549:LMJ917550 LWF917549:LWF917550 MGB917549:MGB917550 MPX917549:MPX917550 MZT917549:MZT917550 NJP917549:NJP917550 NTL917549:NTL917550 ODH917549:ODH917550 OND917549:OND917550 OWZ917549:OWZ917550 PGV917549:PGV917550 PQR917549:PQR917550 QAN917549:QAN917550 QKJ917549:QKJ917550 QUF917549:QUF917550 REB917549:REB917550 RNX917549:RNX917550 RXT917549:RXT917550 SHP917549:SHP917550 SRL917549:SRL917550 TBH917549:TBH917550 TLD917549:TLD917550 TUZ917549:TUZ917550 UEV917549:UEV917550 UOR917549:UOR917550 UYN917549:UYN917550 VIJ917549:VIJ917550 VSF917549:VSF917550 WCB917549:WCB917550 WLX917549:WLX917550 WVT917549:WVT917550 L983085:L983086 JH983085:JH983086 TD983085:TD983086 ACZ983085:ACZ983086 AMV983085:AMV983086 AWR983085:AWR983086 BGN983085:BGN983086 BQJ983085:BQJ983086 CAF983085:CAF983086 CKB983085:CKB983086 CTX983085:CTX983086 DDT983085:DDT983086 DNP983085:DNP983086 DXL983085:DXL983086 EHH983085:EHH983086 ERD983085:ERD983086 FAZ983085:FAZ983086 FKV983085:FKV983086 FUR983085:FUR983086 GEN983085:GEN983086 GOJ983085:GOJ983086 GYF983085:GYF983086 HIB983085:HIB983086 HRX983085:HRX983086 IBT983085:IBT983086 ILP983085:ILP983086 IVL983085:IVL983086 JFH983085:JFH983086 JPD983085:JPD983086 JYZ983085:JYZ983086 KIV983085:KIV983086 KSR983085:KSR983086 LCN983085:LCN983086 LMJ983085:LMJ983086 LWF983085:LWF983086 MGB983085:MGB983086 MPX983085:MPX983086 MZT983085:MZT983086 NJP983085:NJP983086 NTL983085:NTL983086 ODH983085:ODH983086 OND983085:OND983086 OWZ983085:OWZ983086 PGV983085:PGV983086 PQR983085:PQR983086 QAN983085:QAN983086 QKJ983085:QKJ983086 QUF983085:QUF983086 REB983085:REB983086 RNX983085:RNX983086 RXT983085:RXT983086 SHP983085:SHP983086 SRL983085:SRL983086 TBH983085:TBH983086 TLD983085:TLD983086 TUZ983085:TUZ983086 UEV983085:UEV983086 UOR983085:UOR983086 UYN983085:UYN983086 VIJ983085:VIJ983086 VSF983085:VSF983086 WCB983085:WCB983086 WLX983085:WLX983086 WVT983085:WVT983086 O46 JK46 TG46 ADC46 AMY46 AWU46 BGQ46 BQM46 CAI46 CKE46 CUA46 DDW46 DNS46 DXO46 EHK46 ERG46 FBC46 FKY46 FUU46 GEQ46 GOM46 GYI46 HIE46 HSA46 IBW46 ILS46 IVO46 JFK46 JPG46 JZC46 KIY46 KSU46 LCQ46 LMM46 LWI46 MGE46 MQA46 MZW46 NJS46 NTO46 ODK46 ONG46 OXC46 PGY46 PQU46 QAQ46 QKM46 QUI46 REE46 ROA46 RXW46 SHS46 SRO46 TBK46 TLG46 TVC46 UEY46 UOU46 UYQ46 VIM46 VSI46 WCE46 WMA46 WVW46 O65582 JK65582 TG65582 ADC65582 AMY65582 AWU65582 BGQ65582 BQM65582 CAI65582 CKE65582 CUA65582 DDW65582 DNS65582 DXO65582 EHK65582 ERG65582 FBC65582 FKY65582 FUU65582 GEQ65582 GOM65582 GYI65582 HIE65582 HSA65582 IBW65582 ILS65582 IVO65582 JFK65582 JPG65582 JZC65582 KIY65582 KSU65582 LCQ65582 LMM65582 LWI65582 MGE65582 MQA65582 MZW65582 NJS65582 NTO65582 ODK65582 ONG65582 OXC65582 PGY65582 PQU65582 QAQ65582 QKM65582 QUI65582 REE65582 ROA65582 RXW65582 SHS65582 SRO65582 TBK65582 TLG65582 TVC65582 UEY65582 UOU65582 UYQ65582 VIM65582 VSI65582 WCE65582 WMA65582 WVW65582 O131118 JK131118 TG131118 ADC131118 AMY131118 AWU131118 BGQ131118 BQM131118 CAI131118 CKE131118 CUA131118 DDW131118 DNS131118 DXO131118 EHK131118 ERG131118 FBC131118 FKY131118 FUU131118 GEQ131118 GOM131118 GYI131118 HIE131118 HSA131118 IBW131118 ILS131118 IVO131118 JFK131118 JPG131118 JZC131118 KIY131118 KSU131118 LCQ131118 LMM131118 LWI131118 MGE131118 MQA131118 MZW131118 NJS131118 NTO131118 ODK131118 ONG131118 OXC131118 PGY131118 PQU131118 QAQ131118 QKM131118 QUI131118 REE131118 ROA131118 RXW131118 SHS131118 SRO131118 TBK131118 TLG131118 TVC131118 UEY131118 UOU131118 UYQ131118 VIM131118 VSI131118 WCE131118 WMA131118 WVW131118 O196654 JK196654 TG196654 ADC196654 AMY196654 AWU196654 BGQ196654 BQM196654 CAI196654 CKE196654 CUA196654 DDW196654 DNS196654 DXO196654 EHK196654 ERG196654 FBC196654 FKY196654 FUU196654 GEQ196654 GOM196654 GYI196654 HIE196654 HSA196654 IBW196654 ILS196654 IVO196654 JFK196654 JPG196654 JZC196654 KIY196654 KSU196654 LCQ196654 LMM196654 LWI196654 MGE196654 MQA196654 MZW196654 NJS196654 NTO196654 ODK196654 ONG196654 OXC196654 PGY196654 PQU196654 QAQ196654 QKM196654 QUI196654 REE196654 ROA196654 RXW196654 SHS196654 SRO196654 TBK196654 TLG196654 TVC196654 UEY196654 UOU196654 UYQ196654 VIM196654 VSI196654 WCE196654 WMA196654 WVW196654 O262190 JK262190 TG262190 ADC262190 AMY262190 AWU262190 BGQ262190 BQM262190 CAI262190 CKE262190 CUA262190 DDW262190 DNS262190 DXO262190 EHK262190 ERG262190 FBC262190 FKY262190 FUU262190 GEQ262190 GOM262190 GYI262190 HIE262190 HSA262190 IBW262190 ILS262190 IVO262190 JFK262190 JPG262190 JZC262190 KIY262190 KSU262190 LCQ262190 LMM262190 LWI262190 MGE262190 MQA262190 MZW262190 NJS262190 NTO262190 ODK262190 ONG262190 OXC262190 PGY262190 PQU262190 QAQ262190 QKM262190 QUI262190 REE262190 ROA262190 RXW262190 SHS262190 SRO262190 TBK262190 TLG262190 TVC262190 UEY262190 UOU262190 UYQ262190 VIM262190 VSI262190 WCE262190 WMA262190 WVW262190 O327726 JK327726 TG327726 ADC327726 AMY327726 AWU327726 BGQ327726 BQM327726 CAI327726 CKE327726 CUA327726 DDW327726 DNS327726 DXO327726 EHK327726 ERG327726 FBC327726 FKY327726 FUU327726 GEQ327726 GOM327726 GYI327726 HIE327726 HSA327726 IBW327726 ILS327726 IVO327726 JFK327726 JPG327726 JZC327726 KIY327726 KSU327726 LCQ327726 LMM327726 LWI327726 MGE327726 MQA327726 MZW327726 NJS327726 NTO327726 ODK327726 ONG327726 OXC327726 PGY327726 PQU327726 QAQ327726 QKM327726 QUI327726 REE327726 ROA327726 RXW327726 SHS327726 SRO327726 TBK327726 TLG327726 TVC327726 UEY327726 UOU327726 UYQ327726 VIM327726 VSI327726 WCE327726 WMA327726 WVW327726 O393262 JK393262 TG393262 ADC393262 AMY393262 AWU393262 BGQ393262 BQM393262 CAI393262 CKE393262 CUA393262 DDW393262 DNS393262 DXO393262 EHK393262 ERG393262 FBC393262 FKY393262 FUU393262 GEQ393262 GOM393262 GYI393262 HIE393262 HSA393262 IBW393262 ILS393262 IVO393262 JFK393262 JPG393262 JZC393262 KIY393262 KSU393262 LCQ393262 LMM393262 LWI393262 MGE393262 MQA393262 MZW393262 NJS393262 NTO393262 ODK393262 ONG393262 OXC393262 PGY393262 PQU393262 QAQ393262 QKM393262 QUI393262 REE393262 ROA393262 RXW393262 SHS393262 SRO393262 TBK393262 TLG393262 TVC393262 UEY393262 UOU393262 UYQ393262 VIM393262 VSI393262 WCE393262 WMA393262 WVW393262 O458798 JK458798 TG458798 ADC458798 AMY458798 AWU458798 BGQ458798 BQM458798 CAI458798 CKE458798 CUA458798 DDW458798 DNS458798 DXO458798 EHK458798 ERG458798 FBC458798 FKY458798 FUU458798 GEQ458798 GOM458798 GYI458798 HIE458798 HSA458798 IBW458798 ILS458798 IVO458798 JFK458798 JPG458798 JZC458798 KIY458798 KSU458798 LCQ458798 LMM458798 LWI458798 MGE458798 MQA458798 MZW458798 NJS458798 NTO458798 ODK458798 ONG458798 OXC458798 PGY458798 PQU458798 QAQ458798 QKM458798 QUI458798 REE458798 ROA458798 RXW458798 SHS458798 SRO458798 TBK458798 TLG458798 TVC458798 UEY458798 UOU458798 UYQ458798 VIM458798 VSI458798 WCE458798 WMA458798 WVW458798 O524334 JK524334 TG524334 ADC524334 AMY524334 AWU524334 BGQ524334 BQM524334 CAI524334 CKE524334 CUA524334 DDW524334 DNS524334 DXO524334 EHK524334 ERG524334 FBC524334 FKY524334 FUU524334 GEQ524334 GOM524334 GYI524334 HIE524334 HSA524334 IBW524334 ILS524334 IVO524334 JFK524334 JPG524334 JZC524334 KIY524334 KSU524334 LCQ524334 LMM524334 LWI524334 MGE524334 MQA524334 MZW524334 NJS524334 NTO524334 ODK524334 ONG524334 OXC524334 PGY524334 PQU524334 QAQ524334 QKM524334 QUI524334 REE524334 ROA524334 RXW524334 SHS524334 SRO524334 TBK524334 TLG524334 TVC524334 UEY524334 UOU524334 UYQ524334 VIM524334 VSI524334 WCE524334 WMA524334 WVW524334 O589870 JK589870 TG589870 ADC589870 AMY589870 AWU589870 BGQ589870 BQM589870 CAI589870 CKE589870 CUA589870 DDW589870 DNS589870 DXO589870 EHK589870 ERG589870 FBC589870 FKY589870 FUU589870 GEQ589870 GOM589870 GYI589870 HIE589870 HSA589870 IBW589870 ILS589870 IVO589870 JFK589870 JPG589870 JZC589870 KIY589870 KSU589870 LCQ589870 LMM589870 LWI589870 MGE589870 MQA589870 MZW589870 NJS589870 NTO589870 ODK589870 ONG589870 OXC589870 PGY589870 PQU589870 QAQ589870 QKM589870 QUI589870 REE589870 ROA589870 RXW589870 SHS589870 SRO589870 TBK589870 TLG589870 TVC589870 UEY589870 UOU589870 UYQ589870 VIM589870 VSI589870 WCE589870 WMA589870 WVW589870 O655406 JK655406 TG655406 ADC655406 AMY655406 AWU655406 BGQ655406 BQM655406 CAI655406 CKE655406 CUA655406 DDW655406 DNS655406 DXO655406 EHK655406 ERG655406 FBC655406 FKY655406 FUU655406 GEQ655406 GOM655406 GYI655406 HIE655406 HSA655406 IBW655406 ILS655406 IVO655406 JFK655406 JPG655406 JZC655406 KIY655406 KSU655406 LCQ655406 LMM655406 LWI655406 MGE655406 MQA655406 MZW655406 NJS655406 NTO655406 ODK655406 ONG655406 OXC655406 PGY655406 PQU655406 QAQ655406 QKM655406 QUI655406 REE655406 ROA655406 RXW655406 SHS655406 SRO655406 TBK655406 TLG655406 TVC655406 UEY655406 UOU655406 UYQ655406 VIM655406 VSI655406 WCE655406 WMA655406 WVW655406 O720942 JK720942 TG720942 ADC720942 AMY720942 AWU720942 BGQ720942 BQM720942 CAI720942 CKE720942 CUA720942 DDW720942 DNS720942 DXO720942 EHK720942 ERG720942 FBC720942 FKY720942 FUU720942 GEQ720942 GOM720942 GYI720942 HIE720942 HSA720942 IBW720942 ILS720942 IVO720942 JFK720942 JPG720942 JZC720942 KIY720942 KSU720942 LCQ720942 LMM720942 LWI720942 MGE720942 MQA720942 MZW720942 NJS720942 NTO720942 ODK720942 ONG720942 OXC720942 PGY720942 PQU720942 QAQ720942 QKM720942 QUI720942 REE720942 ROA720942 RXW720942 SHS720942 SRO720942 TBK720942 TLG720942 TVC720942 UEY720942 UOU720942 UYQ720942 VIM720942 VSI720942 WCE720942 WMA720942 WVW720942 O786478 JK786478 TG786478 ADC786478 AMY786478 AWU786478 BGQ786478 BQM786478 CAI786478 CKE786478 CUA786478 DDW786478 DNS786478 DXO786478 EHK786478 ERG786478 FBC786478 FKY786478 FUU786478 GEQ786478 GOM786478 GYI786478 HIE786478 HSA786478 IBW786478 ILS786478 IVO786478 JFK786478 JPG786478 JZC786478 KIY786478 KSU786478 LCQ786478 LMM786478 LWI786478 MGE786478 MQA786478 MZW786478 NJS786478 NTO786478 ODK786478 ONG786478 OXC786478 PGY786478 PQU786478 QAQ786478 QKM786478 QUI786478 REE786478 ROA786478 RXW786478 SHS786478 SRO786478 TBK786478 TLG786478 TVC786478 UEY786478 UOU786478 UYQ786478 VIM786478 VSI786478 WCE786478 WMA786478 WVW786478 O852014 JK852014 TG852014 ADC852014 AMY852014 AWU852014 BGQ852014 BQM852014 CAI852014 CKE852014 CUA852014 DDW852014 DNS852014 DXO852014 EHK852014 ERG852014 FBC852014 FKY852014 FUU852014 GEQ852014 GOM852014 GYI852014 HIE852014 HSA852014 IBW852014 ILS852014 IVO852014 JFK852014 JPG852014 JZC852014 KIY852014 KSU852014 LCQ852014 LMM852014 LWI852014 MGE852014 MQA852014 MZW852014 NJS852014 NTO852014 ODK852014 ONG852014 OXC852014 PGY852014 PQU852014 QAQ852014 QKM852014 QUI852014 REE852014 ROA852014 RXW852014 SHS852014 SRO852014 TBK852014 TLG852014 TVC852014 UEY852014 UOU852014 UYQ852014 VIM852014 VSI852014 WCE852014 WMA852014 WVW852014 O917550 JK917550 TG917550 ADC917550 AMY917550 AWU917550 BGQ917550 BQM917550 CAI917550 CKE917550 CUA917550 DDW917550 DNS917550 DXO917550 EHK917550 ERG917550 FBC917550 FKY917550 FUU917550 GEQ917550 GOM917550 GYI917550 HIE917550 HSA917550 IBW917550 ILS917550 IVO917550 JFK917550 JPG917550 JZC917550 KIY917550 KSU917550 LCQ917550 LMM917550 LWI917550 MGE917550 MQA917550 MZW917550 NJS917550 NTO917550 ODK917550 ONG917550 OXC917550 PGY917550 PQU917550 QAQ917550 QKM917550 QUI917550 REE917550 ROA917550 RXW917550 SHS917550 SRO917550 TBK917550 TLG917550 TVC917550 UEY917550 UOU917550 UYQ917550 VIM917550 VSI917550 WCE917550 WMA917550 WVW917550 O983086 JK983086 TG983086 ADC983086 AMY983086 AWU983086 BGQ983086 BQM983086 CAI983086 CKE983086 CUA983086 DDW983086 DNS983086 DXO983086 EHK983086 ERG983086 FBC983086 FKY983086 FUU983086 GEQ983086 GOM983086 GYI983086 HIE983086 HSA983086 IBW983086 ILS983086 IVO983086 JFK983086 JPG983086 JZC983086 KIY983086 KSU983086 LCQ983086 LMM983086 LWI983086 MGE983086 MQA983086 MZW983086 NJS983086 NTO983086 ODK983086 ONG983086 OXC983086 PGY983086 PQU983086 QAQ983086 QKM983086 QUI983086 REE983086 ROA983086 RXW983086 SHS983086 SRO983086 TBK983086 TLG983086 TVC983086 UEY983086 UOU983086 UYQ983086 VIM983086 VSI983086 WCE983086 WMA983086 WVW983086 I54:I56 JE54:JE56 TA54:TA56 ACW54:ACW56 AMS54:AMS56 AWO54:AWO56 BGK54:BGK56 BQG54:BQG56 CAC54:CAC56 CJY54:CJY56 CTU54:CTU56 DDQ54:DDQ56 DNM54:DNM56 DXI54:DXI56 EHE54:EHE56 ERA54:ERA56 FAW54:FAW56 FKS54:FKS56 FUO54:FUO56 GEK54:GEK56 GOG54:GOG56 GYC54:GYC56 HHY54:HHY56 HRU54:HRU56 IBQ54:IBQ56 ILM54:ILM56 IVI54:IVI56 JFE54:JFE56 JPA54:JPA56 JYW54:JYW56 KIS54:KIS56 KSO54:KSO56 LCK54:LCK56 LMG54:LMG56 LWC54:LWC56 MFY54:MFY56 MPU54:MPU56 MZQ54:MZQ56 NJM54:NJM56 NTI54:NTI56 ODE54:ODE56 ONA54:ONA56 OWW54:OWW56 PGS54:PGS56 PQO54:PQO56 QAK54:QAK56 QKG54:QKG56 QUC54:QUC56 RDY54:RDY56 RNU54:RNU56 RXQ54:RXQ56 SHM54:SHM56 SRI54:SRI56 TBE54:TBE56 TLA54:TLA56 TUW54:TUW56 UES54:UES56 UOO54:UOO56 UYK54:UYK56 VIG54:VIG56 VSC54:VSC56 WBY54:WBY56 WLU54:WLU56 WVQ54:WVQ56 I65590:I65592 JE65590:JE65592 TA65590:TA65592 ACW65590:ACW65592 AMS65590:AMS65592 AWO65590:AWO65592 BGK65590:BGK65592 BQG65590:BQG65592 CAC65590:CAC65592 CJY65590:CJY65592 CTU65590:CTU65592 DDQ65590:DDQ65592 DNM65590:DNM65592 DXI65590:DXI65592 EHE65590:EHE65592 ERA65590:ERA65592 FAW65590:FAW65592 FKS65590:FKS65592 FUO65590:FUO65592 GEK65590:GEK65592 GOG65590:GOG65592 GYC65590:GYC65592 HHY65590:HHY65592 HRU65590:HRU65592 IBQ65590:IBQ65592 ILM65590:ILM65592 IVI65590:IVI65592 JFE65590:JFE65592 JPA65590:JPA65592 JYW65590:JYW65592 KIS65590:KIS65592 KSO65590:KSO65592 LCK65590:LCK65592 LMG65590:LMG65592 LWC65590:LWC65592 MFY65590:MFY65592 MPU65590:MPU65592 MZQ65590:MZQ65592 NJM65590:NJM65592 NTI65590:NTI65592 ODE65590:ODE65592 ONA65590:ONA65592 OWW65590:OWW65592 PGS65590:PGS65592 PQO65590:PQO65592 QAK65590:QAK65592 QKG65590:QKG65592 QUC65590:QUC65592 RDY65590:RDY65592 RNU65590:RNU65592 RXQ65590:RXQ65592 SHM65590:SHM65592 SRI65590:SRI65592 TBE65590:TBE65592 TLA65590:TLA65592 TUW65590:TUW65592 UES65590:UES65592 UOO65590:UOO65592 UYK65590:UYK65592 VIG65590:VIG65592 VSC65590:VSC65592 WBY65590:WBY65592 WLU65590:WLU65592 WVQ65590:WVQ65592 I131126:I131128 JE131126:JE131128 TA131126:TA131128 ACW131126:ACW131128 AMS131126:AMS131128 AWO131126:AWO131128 BGK131126:BGK131128 BQG131126:BQG131128 CAC131126:CAC131128 CJY131126:CJY131128 CTU131126:CTU131128 DDQ131126:DDQ131128 DNM131126:DNM131128 DXI131126:DXI131128 EHE131126:EHE131128 ERA131126:ERA131128 FAW131126:FAW131128 FKS131126:FKS131128 FUO131126:FUO131128 GEK131126:GEK131128 GOG131126:GOG131128 GYC131126:GYC131128 HHY131126:HHY131128 HRU131126:HRU131128 IBQ131126:IBQ131128 ILM131126:ILM131128 IVI131126:IVI131128 JFE131126:JFE131128 JPA131126:JPA131128 JYW131126:JYW131128 KIS131126:KIS131128 KSO131126:KSO131128 LCK131126:LCK131128 LMG131126:LMG131128 LWC131126:LWC131128 MFY131126:MFY131128 MPU131126:MPU131128 MZQ131126:MZQ131128 NJM131126:NJM131128 NTI131126:NTI131128 ODE131126:ODE131128 ONA131126:ONA131128 OWW131126:OWW131128 PGS131126:PGS131128 PQO131126:PQO131128 QAK131126:QAK131128 QKG131126:QKG131128 QUC131126:QUC131128 RDY131126:RDY131128 RNU131126:RNU131128 RXQ131126:RXQ131128 SHM131126:SHM131128 SRI131126:SRI131128 TBE131126:TBE131128 TLA131126:TLA131128 TUW131126:TUW131128 UES131126:UES131128 UOO131126:UOO131128 UYK131126:UYK131128 VIG131126:VIG131128 VSC131126:VSC131128 WBY131126:WBY131128 WLU131126:WLU131128 WVQ131126:WVQ131128 I196662:I196664 JE196662:JE196664 TA196662:TA196664 ACW196662:ACW196664 AMS196662:AMS196664 AWO196662:AWO196664 BGK196662:BGK196664 BQG196662:BQG196664 CAC196662:CAC196664 CJY196662:CJY196664 CTU196662:CTU196664 DDQ196662:DDQ196664 DNM196662:DNM196664 DXI196662:DXI196664 EHE196662:EHE196664 ERA196662:ERA196664 FAW196662:FAW196664 FKS196662:FKS196664 FUO196662:FUO196664 GEK196662:GEK196664 GOG196662:GOG196664 GYC196662:GYC196664 HHY196662:HHY196664 HRU196662:HRU196664 IBQ196662:IBQ196664 ILM196662:ILM196664 IVI196662:IVI196664 JFE196662:JFE196664 JPA196662:JPA196664 JYW196662:JYW196664 KIS196662:KIS196664 KSO196662:KSO196664 LCK196662:LCK196664 LMG196662:LMG196664 LWC196662:LWC196664 MFY196662:MFY196664 MPU196662:MPU196664 MZQ196662:MZQ196664 NJM196662:NJM196664 NTI196662:NTI196664 ODE196662:ODE196664 ONA196662:ONA196664 OWW196662:OWW196664 PGS196662:PGS196664 PQO196662:PQO196664 QAK196662:QAK196664 QKG196662:QKG196664 QUC196662:QUC196664 RDY196662:RDY196664 RNU196662:RNU196664 RXQ196662:RXQ196664 SHM196662:SHM196664 SRI196662:SRI196664 TBE196662:TBE196664 TLA196662:TLA196664 TUW196662:TUW196664 UES196662:UES196664 UOO196662:UOO196664 UYK196662:UYK196664 VIG196662:VIG196664 VSC196662:VSC196664 WBY196662:WBY196664 WLU196662:WLU196664 WVQ196662:WVQ196664 I262198:I262200 JE262198:JE262200 TA262198:TA262200 ACW262198:ACW262200 AMS262198:AMS262200 AWO262198:AWO262200 BGK262198:BGK262200 BQG262198:BQG262200 CAC262198:CAC262200 CJY262198:CJY262200 CTU262198:CTU262200 DDQ262198:DDQ262200 DNM262198:DNM262200 DXI262198:DXI262200 EHE262198:EHE262200 ERA262198:ERA262200 FAW262198:FAW262200 FKS262198:FKS262200 FUO262198:FUO262200 GEK262198:GEK262200 GOG262198:GOG262200 GYC262198:GYC262200 HHY262198:HHY262200 HRU262198:HRU262200 IBQ262198:IBQ262200 ILM262198:ILM262200 IVI262198:IVI262200 JFE262198:JFE262200 JPA262198:JPA262200 JYW262198:JYW262200 KIS262198:KIS262200 KSO262198:KSO262200 LCK262198:LCK262200 LMG262198:LMG262200 LWC262198:LWC262200 MFY262198:MFY262200 MPU262198:MPU262200 MZQ262198:MZQ262200 NJM262198:NJM262200 NTI262198:NTI262200 ODE262198:ODE262200 ONA262198:ONA262200 OWW262198:OWW262200 PGS262198:PGS262200 PQO262198:PQO262200 QAK262198:QAK262200 QKG262198:QKG262200 QUC262198:QUC262200 RDY262198:RDY262200 RNU262198:RNU262200 RXQ262198:RXQ262200 SHM262198:SHM262200 SRI262198:SRI262200 TBE262198:TBE262200 TLA262198:TLA262200 TUW262198:TUW262200 UES262198:UES262200 UOO262198:UOO262200 UYK262198:UYK262200 VIG262198:VIG262200 VSC262198:VSC262200 WBY262198:WBY262200 WLU262198:WLU262200 WVQ262198:WVQ262200 I327734:I327736 JE327734:JE327736 TA327734:TA327736 ACW327734:ACW327736 AMS327734:AMS327736 AWO327734:AWO327736 BGK327734:BGK327736 BQG327734:BQG327736 CAC327734:CAC327736 CJY327734:CJY327736 CTU327734:CTU327736 DDQ327734:DDQ327736 DNM327734:DNM327736 DXI327734:DXI327736 EHE327734:EHE327736 ERA327734:ERA327736 FAW327734:FAW327736 FKS327734:FKS327736 FUO327734:FUO327736 GEK327734:GEK327736 GOG327734:GOG327736 GYC327734:GYC327736 HHY327734:HHY327736 HRU327734:HRU327736 IBQ327734:IBQ327736 ILM327734:ILM327736 IVI327734:IVI327736 JFE327734:JFE327736 JPA327734:JPA327736 JYW327734:JYW327736 KIS327734:KIS327736 KSO327734:KSO327736 LCK327734:LCK327736 LMG327734:LMG327736 LWC327734:LWC327736 MFY327734:MFY327736 MPU327734:MPU327736 MZQ327734:MZQ327736 NJM327734:NJM327736 NTI327734:NTI327736 ODE327734:ODE327736 ONA327734:ONA327736 OWW327734:OWW327736 PGS327734:PGS327736 PQO327734:PQO327736 QAK327734:QAK327736 QKG327734:QKG327736 QUC327734:QUC327736 RDY327734:RDY327736 RNU327734:RNU327736 RXQ327734:RXQ327736 SHM327734:SHM327736 SRI327734:SRI327736 TBE327734:TBE327736 TLA327734:TLA327736 TUW327734:TUW327736 UES327734:UES327736 UOO327734:UOO327736 UYK327734:UYK327736 VIG327734:VIG327736 VSC327734:VSC327736 WBY327734:WBY327736 WLU327734:WLU327736 WVQ327734:WVQ327736 I393270:I393272 JE393270:JE393272 TA393270:TA393272 ACW393270:ACW393272 AMS393270:AMS393272 AWO393270:AWO393272 BGK393270:BGK393272 BQG393270:BQG393272 CAC393270:CAC393272 CJY393270:CJY393272 CTU393270:CTU393272 DDQ393270:DDQ393272 DNM393270:DNM393272 DXI393270:DXI393272 EHE393270:EHE393272 ERA393270:ERA393272 FAW393270:FAW393272 FKS393270:FKS393272 FUO393270:FUO393272 GEK393270:GEK393272 GOG393270:GOG393272 GYC393270:GYC393272 HHY393270:HHY393272 HRU393270:HRU393272 IBQ393270:IBQ393272 ILM393270:ILM393272 IVI393270:IVI393272 JFE393270:JFE393272 JPA393270:JPA393272 JYW393270:JYW393272 KIS393270:KIS393272 KSO393270:KSO393272 LCK393270:LCK393272 LMG393270:LMG393272 LWC393270:LWC393272 MFY393270:MFY393272 MPU393270:MPU393272 MZQ393270:MZQ393272 NJM393270:NJM393272 NTI393270:NTI393272 ODE393270:ODE393272 ONA393270:ONA393272 OWW393270:OWW393272 PGS393270:PGS393272 PQO393270:PQO393272 QAK393270:QAK393272 QKG393270:QKG393272 QUC393270:QUC393272 RDY393270:RDY393272 RNU393270:RNU393272 RXQ393270:RXQ393272 SHM393270:SHM393272 SRI393270:SRI393272 TBE393270:TBE393272 TLA393270:TLA393272 TUW393270:TUW393272 UES393270:UES393272 UOO393270:UOO393272 UYK393270:UYK393272 VIG393270:VIG393272 VSC393270:VSC393272 WBY393270:WBY393272 WLU393270:WLU393272 WVQ393270:WVQ393272 I458806:I458808 JE458806:JE458808 TA458806:TA458808 ACW458806:ACW458808 AMS458806:AMS458808 AWO458806:AWO458808 BGK458806:BGK458808 BQG458806:BQG458808 CAC458806:CAC458808 CJY458806:CJY458808 CTU458806:CTU458808 DDQ458806:DDQ458808 DNM458806:DNM458808 DXI458806:DXI458808 EHE458806:EHE458808 ERA458806:ERA458808 FAW458806:FAW458808 FKS458806:FKS458808 FUO458806:FUO458808 GEK458806:GEK458808 GOG458806:GOG458808 GYC458806:GYC458808 HHY458806:HHY458808 HRU458806:HRU458808 IBQ458806:IBQ458808 ILM458806:ILM458808 IVI458806:IVI458808 JFE458806:JFE458808 JPA458806:JPA458808 JYW458806:JYW458808 KIS458806:KIS458808 KSO458806:KSO458808 LCK458806:LCK458808 LMG458806:LMG458808 LWC458806:LWC458808 MFY458806:MFY458808 MPU458806:MPU458808 MZQ458806:MZQ458808 NJM458806:NJM458808 NTI458806:NTI458808 ODE458806:ODE458808 ONA458806:ONA458808 OWW458806:OWW458808 PGS458806:PGS458808 PQO458806:PQO458808 QAK458806:QAK458808 QKG458806:QKG458808 QUC458806:QUC458808 RDY458806:RDY458808 RNU458806:RNU458808 RXQ458806:RXQ458808 SHM458806:SHM458808 SRI458806:SRI458808 TBE458806:TBE458808 TLA458806:TLA458808 TUW458806:TUW458808 UES458806:UES458808 UOO458806:UOO458808 UYK458806:UYK458808 VIG458806:VIG458808 VSC458806:VSC458808 WBY458806:WBY458808 WLU458806:WLU458808 WVQ458806:WVQ458808 I524342:I524344 JE524342:JE524344 TA524342:TA524344 ACW524342:ACW524344 AMS524342:AMS524344 AWO524342:AWO524344 BGK524342:BGK524344 BQG524342:BQG524344 CAC524342:CAC524344 CJY524342:CJY524344 CTU524342:CTU524344 DDQ524342:DDQ524344 DNM524342:DNM524344 DXI524342:DXI524344 EHE524342:EHE524344 ERA524342:ERA524344 FAW524342:FAW524344 FKS524342:FKS524344 FUO524342:FUO524344 GEK524342:GEK524344 GOG524342:GOG524344 GYC524342:GYC524344 HHY524342:HHY524344 HRU524342:HRU524344 IBQ524342:IBQ524344 ILM524342:ILM524344 IVI524342:IVI524344 JFE524342:JFE524344 JPA524342:JPA524344 JYW524342:JYW524344 KIS524342:KIS524344 KSO524342:KSO524344 LCK524342:LCK524344 LMG524342:LMG524344 LWC524342:LWC524344 MFY524342:MFY524344 MPU524342:MPU524344 MZQ524342:MZQ524344 NJM524342:NJM524344 NTI524342:NTI524344 ODE524342:ODE524344 ONA524342:ONA524344 OWW524342:OWW524344 PGS524342:PGS524344 PQO524342:PQO524344 QAK524342:QAK524344 QKG524342:QKG524344 QUC524342:QUC524344 RDY524342:RDY524344 RNU524342:RNU524344 RXQ524342:RXQ524344 SHM524342:SHM524344 SRI524342:SRI524344 TBE524342:TBE524344 TLA524342:TLA524344 TUW524342:TUW524344 UES524342:UES524344 UOO524342:UOO524344 UYK524342:UYK524344 VIG524342:VIG524344 VSC524342:VSC524344 WBY524342:WBY524344 WLU524342:WLU524344 WVQ524342:WVQ524344 I589878:I589880 JE589878:JE589880 TA589878:TA589880 ACW589878:ACW589880 AMS589878:AMS589880 AWO589878:AWO589880 BGK589878:BGK589880 BQG589878:BQG589880 CAC589878:CAC589880 CJY589878:CJY589880 CTU589878:CTU589880 DDQ589878:DDQ589880 DNM589878:DNM589880 DXI589878:DXI589880 EHE589878:EHE589880 ERA589878:ERA589880 FAW589878:FAW589880 FKS589878:FKS589880 FUO589878:FUO589880 GEK589878:GEK589880 GOG589878:GOG589880 GYC589878:GYC589880 HHY589878:HHY589880 HRU589878:HRU589880 IBQ589878:IBQ589880 ILM589878:ILM589880 IVI589878:IVI589880 JFE589878:JFE589880 JPA589878:JPA589880 JYW589878:JYW589880 KIS589878:KIS589880 KSO589878:KSO589880 LCK589878:LCK589880 LMG589878:LMG589880 LWC589878:LWC589880 MFY589878:MFY589880 MPU589878:MPU589880 MZQ589878:MZQ589880 NJM589878:NJM589880 NTI589878:NTI589880 ODE589878:ODE589880 ONA589878:ONA589880 OWW589878:OWW589880 PGS589878:PGS589880 PQO589878:PQO589880 QAK589878:QAK589880 QKG589878:QKG589880 QUC589878:QUC589880 RDY589878:RDY589880 RNU589878:RNU589880 RXQ589878:RXQ589880 SHM589878:SHM589880 SRI589878:SRI589880 TBE589878:TBE589880 TLA589878:TLA589880 TUW589878:TUW589880 UES589878:UES589880 UOO589878:UOO589880 UYK589878:UYK589880 VIG589878:VIG589880 VSC589878:VSC589880 WBY589878:WBY589880 WLU589878:WLU589880 WVQ589878:WVQ589880 I655414:I655416 JE655414:JE655416 TA655414:TA655416 ACW655414:ACW655416 AMS655414:AMS655416 AWO655414:AWO655416 BGK655414:BGK655416 BQG655414:BQG655416 CAC655414:CAC655416 CJY655414:CJY655416 CTU655414:CTU655416 DDQ655414:DDQ655416 DNM655414:DNM655416 DXI655414:DXI655416 EHE655414:EHE655416 ERA655414:ERA655416 FAW655414:FAW655416 FKS655414:FKS655416 FUO655414:FUO655416 GEK655414:GEK655416 GOG655414:GOG655416 GYC655414:GYC655416 HHY655414:HHY655416 HRU655414:HRU655416 IBQ655414:IBQ655416 ILM655414:ILM655416 IVI655414:IVI655416 JFE655414:JFE655416 JPA655414:JPA655416 JYW655414:JYW655416 KIS655414:KIS655416 KSO655414:KSO655416 LCK655414:LCK655416 LMG655414:LMG655416 LWC655414:LWC655416 MFY655414:MFY655416 MPU655414:MPU655416 MZQ655414:MZQ655416 NJM655414:NJM655416 NTI655414:NTI655416 ODE655414:ODE655416 ONA655414:ONA655416 OWW655414:OWW655416 PGS655414:PGS655416 PQO655414:PQO655416 QAK655414:QAK655416 QKG655414:QKG655416 QUC655414:QUC655416 RDY655414:RDY655416 RNU655414:RNU655416 RXQ655414:RXQ655416 SHM655414:SHM655416 SRI655414:SRI655416 TBE655414:TBE655416 TLA655414:TLA655416 TUW655414:TUW655416 UES655414:UES655416 UOO655414:UOO655416 UYK655414:UYK655416 VIG655414:VIG655416 VSC655414:VSC655416 WBY655414:WBY655416 WLU655414:WLU655416 WVQ655414:WVQ655416 I720950:I720952 JE720950:JE720952 TA720950:TA720952 ACW720950:ACW720952 AMS720950:AMS720952 AWO720950:AWO720952 BGK720950:BGK720952 BQG720950:BQG720952 CAC720950:CAC720952 CJY720950:CJY720952 CTU720950:CTU720952 DDQ720950:DDQ720952 DNM720950:DNM720952 DXI720950:DXI720952 EHE720950:EHE720952 ERA720950:ERA720952 FAW720950:FAW720952 FKS720950:FKS720952 FUO720950:FUO720952 GEK720950:GEK720952 GOG720950:GOG720952 GYC720950:GYC720952 HHY720950:HHY720952 HRU720950:HRU720952 IBQ720950:IBQ720952 ILM720950:ILM720952 IVI720950:IVI720952 JFE720950:JFE720952 JPA720950:JPA720952 JYW720950:JYW720952 KIS720950:KIS720952 KSO720950:KSO720952 LCK720950:LCK720952 LMG720950:LMG720952 LWC720950:LWC720952 MFY720950:MFY720952 MPU720950:MPU720952 MZQ720950:MZQ720952 NJM720950:NJM720952 NTI720950:NTI720952 ODE720950:ODE720952 ONA720950:ONA720952 OWW720950:OWW720952 PGS720950:PGS720952 PQO720950:PQO720952 QAK720950:QAK720952 QKG720950:QKG720952 QUC720950:QUC720952 RDY720950:RDY720952 RNU720950:RNU720952 RXQ720950:RXQ720952 SHM720950:SHM720952 SRI720950:SRI720952 TBE720950:TBE720952 TLA720950:TLA720952 TUW720950:TUW720952 UES720950:UES720952 UOO720950:UOO720952 UYK720950:UYK720952 VIG720950:VIG720952 VSC720950:VSC720952 WBY720950:WBY720952 WLU720950:WLU720952 WVQ720950:WVQ720952 I786486:I786488 JE786486:JE786488 TA786486:TA786488 ACW786486:ACW786488 AMS786486:AMS786488 AWO786486:AWO786488 BGK786486:BGK786488 BQG786486:BQG786488 CAC786486:CAC786488 CJY786486:CJY786488 CTU786486:CTU786488 DDQ786486:DDQ786488 DNM786486:DNM786488 DXI786486:DXI786488 EHE786486:EHE786488 ERA786486:ERA786488 FAW786486:FAW786488 FKS786486:FKS786488 FUO786486:FUO786488 GEK786486:GEK786488 GOG786486:GOG786488 GYC786486:GYC786488 HHY786486:HHY786488 HRU786486:HRU786488 IBQ786486:IBQ786488 ILM786486:ILM786488 IVI786486:IVI786488 JFE786486:JFE786488 JPA786486:JPA786488 JYW786486:JYW786488 KIS786486:KIS786488 KSO786486:KSO786488 LCK786486:LCK786488 LMG786486:LMG786488 LWC786486:LWC786488 MFY786486:MFY786488 MPU786486:MPU786488 MZQ786486:MZQ786488 NJM786486:NJM786488 NTI786486:NTI786488 ODE786486:ODE786488 ONA786486:ONA786488 OWW786486:OWW786488 PGS786486:PGS786488 PQO786486:PQO786488 QAK786486:QAK786488 QKG786486:QKG786488 QUC786486:QUC786488 RDY786486:RDY786488 RNU786486:RNU786488 RXQ786486:RXQ786488 SHM786486:SHM786488 SRI786486:SRI786488 TBE786486:TBE786488 TLA786486:TLA786488 TUW786486:TUW786488 UES786486:UES786488 UOO786486:UOO786488 UYK786486:UYK786488 VIG786486:VIG786488 VSC786486:VSC786488 WBY786486:WBY786488 WLU786486:WLU786488 WVQ786486:WVQ786488 I852022:I852024 JE852022:JE852024 TA852022:TA852024 ACW852022:ACW852024 AMS852022:AMS852024 AWO852022:AWO852024 BGK852022:BGK852024 BQG852022:BQG852024 CAC852022:CAC852024 CJY852022:CJY852024 CTU852022:CTU852024 DDQ852022:DDQ852024 DNM852022:DNM852024 DXI852022:DXI852024 EHE852022:EHE852024 ERA852022:ERA852024 FAW852022:FAW852024 FKS852022:FKS852024 FUO852022:FUO852024 GEK852022:GEK852024 GOG852022:GOG852024 GYC852022:GYC852024 HHY852022:HHY852024 HRU852022:HRU852024 IBQ852022:IBQ852024 ILM852022:ILM852024 IVI852022:IVI852024 JFE852022:JFE852024 JPA852022:JPA852024 JYW852022:JYW852024 KIS852022:KIS852024 KSO852022:KSO852024 LCK852022:LCK852024 LMG852022:LMG852024 LWC852022:LWC852024 MFY852022:MFY852024 MPU852022:MPU852024 MZQ852022:MZQ852024 NJM852022:NJM852024 NTI852022:NTI852024 ODE852022:ODE852024 ONA852022:ONA852024 OWW852022:OWW852024 PGS852022:PGS852024 PQO852022:PQO852024 QAK852022:QAK852024 QKG852022:QKG852024 QUC852022:QUC852024 RDY852022:RDY852024 RNU852022:RNU852024 RXQ852022:RXQ852024 SHM852022:SHM852024 SRI852022:SRI852024 TBE852022:TBE852024 TLA852022:TLA852024 TUW852022:TUW852024 UES852022:UES852024 UOO852022:UOO852024 UYK852022:UYK852024 VIG852022:VIG852024 VSC852022:VSC852024 WBY852022:WBY852024 WLU852022:WLU852024 WVQ852022:WVQ852024 I917558:I917560 JE917558:JE917560 TA917558:TA917560 ACW917558:ACW917560 AMS917558:AMS917560 AWO917558:AWO917560 BGK917558:BGK917560 BQG917558:BQG917560 CAC917558:CAC917560 CJY917558:CJY917560 CTU917558:CTU917560 DDQ917558:DDQ917560 DNM917558:DNM917560 DXI917558:DXI917560 EHE917558:EHE917560 ERA917558:ERA917560 FAW917558:FAW917560 FKS917558:FKS917560 FUO917558:FUO917560 GEK917558:GEK917560 GOG917558:GOG917560 GYC917558:GYC917560 HHY917558:HHY917560 HRU917558:HRU917560 IBQ917558:IBQ917560 ILM917558:ILM917560 IVI917558:IVI917560 JFE917558:JFE917560 JPA917558:JPA917560 JYW917558:JYW917560 KIS917558:KIS917560 KSO917558:KSO917560 LCK917558:LCK917560 LMG917558:LMG917560 LWC917558:LWC917560 MFY917558:MFY917560 MPU917558:MPU917560 MZQ917558:MZQ917560 NJM917558:NJM917560 NTI917558:NTI917560 ODE917558:ODE917560 ONA917558:ONA917560 OWW917558:OWW917560 PGS917558:PGS917560 PQO917558:PQO917560 QAK917558:QAK917560 QKG917558:QKG917560 QUC917558:QUC917560 RDY917558:RDY917560 RNU917558:RNU917560 RXQ917558:RXQ917560 SHM917558:SHM917560 SRI917558:SRI917560 TBE917558:TBE917560 TLA917558:TLA917560 TUW917558:TUW917560 UES917558:UES917560 UOO917558:UOO917560 UYK917558:UYK917560 VIG917558:VIG917560 VSC917558:VSC917560 WBY917558:WBY917560 WLU917558:WLU917560 WVQ917558:WVQ917560 I983094:I983096 JE983094:JE983096 TA983094:TA983096 ACW983094:ACW983096 AMS983094:AMS983096 AWO983094:AWO983096 BGK983094:BGK983096 BQG983094:BQG983096 CAC983094:CAC983096 CJY983094:CJY983096 CTU983094:CTU983096 DDQ983094:DDQ983096 DNM983094:DNM983096 DXI983094:DXI983096 EHE983094:EHE983096 ERA983094:ERA983096 FAW983094:FAW983096 FKS983094:FKS983096 FUO983094:FUO983096 GEK983094:GEK983096 GOG983094:GOG983096 GYC983094:GYC983096 HHY983094:HHY983096 HRU983094:HRU983096 IBQ983094:IBQ983096 ILM983094:ILM983096 IVI983094:IVI983096 JFE983094:JFE983096 JPA983094:JPA983096 JYW983094:JYW983096 KIS983094:KIS983096 KSO983094:KSO983096 LCK983094:LCK983096 LMG983094:LMG983096 LWC983094:LWC983096 MFY983094:MFY983096 MPU983094:MPU983096 MZQ983094:MZQ983096 NJM983094:NJM983096 NTI983094:NTI983096 ODE983094:ODE983096 ONA983094:ONA983096 OWW983094:OWW983096 PGS983094:PGS983096 PQO983094:PQO983096 QAK983094:QAK983096 QKG983094:QKG983096 QUC983094:QUC983096 RDY983094:RDY983096 RNU983094:RNU983096 RXQ983094:RXQ983096 SHM983094:SHM983096 SRI983094:SRI983096 TBE983094:TBE983096 TLA983094:TLA983096 TUW983094:TUW983096 UES983094:UES983096 UOO983094:UOO983096 UYK983094:UYK983096 VIG983094:VIG983096 VSC983094:VSC983096 WBY983094:WBY983096 WLU983094:WLU983096 WVQ983094:WVQ983096 M54:M61 JI54:JI61 TE54:TE61 ADA54:ADA61 AMW54:AMW61 AWS54:AWS61 BGO54:BGO61 BQK54:BQK61 CAG54:CAG61 CKC54:CKC61 CTY54:CTY61 DDU54:DDU61 DNQ54:DNQ61 DXM54:DXM61 EHI54:EHI61 ERE54:ERE61 FBA54:FBA61 FKW54:FKW61 FUS54:FUS61 GEO54:GEO61 GOK54:GOK61 GYG54:GYG61 HIC54:HIC61 HRY54:HRY61 IBU54:IBU61 ILQ54:ILQ61 IVM54:IVM61 JFI54:JFI61 JPE54:JPE61 JZA54:JZA61 KIW54:KIW61 KSS54:KSS61 LCO54:LCO61 LMK54:LMK61 LWG54:LWG61 MGC54:MGC61 MPY54:MPY61 MZU54:MZU61 NJQ54:NJQ61 NTM54:NTM61 ODI54:ODI61 ONE54:ONE61 OXA54:OXA61 PGW54:PGW61 PQS54:PQS61 QAO54:QAO61 QKK54:QKK61 QUG54:QUG61 REC54:REC61 RNY54:RNY61 RXU54:RXU61 SHQ54:SHQ61 SRM54:SRM61 TBI54:TBI61 TLE54:TLE61 TVA54:TVA61 UEW54:UEW61 UOS54:UOS61 UYO54:UYO61 VIK54:VIK61 VSG54:VSG61 WCC54:WCC61 WLY54:WLY61 WVU54:WVU61 M65590:M65597 JI65590:JI65597 TE65590:TE65597 ADA65590:ADA65597 AMW65590:AMW65597 AWS65590:AWS65597 BGO65590:BGO65597 BQK65590:BQK65597 CAG65590:CAG65597 CKC65590:CKC65597 CTY65590:CTY65597 DDU65590:DDU65597 DNQ65590:DNQ65597 DXM65590:DXM65597 EHI65590:EHI65597 ERE65590:ERE65597 FBA65590:FBA65597 FKW65590:FKW65597 FUS65590:FUS65597 GEO65590:GEO65597 GOK65590:GOK65597 GYG65590:GYG65597 HIC65590:HIC65597 HRY65590:HRY65597 IBU65590:IBU65597 ILQ65590:ILQ65597 IVM65590:IVM65597 JFI65590:JFI65597 JPE65590:JPE65597 JZA65590:JZA65597 KIW65590:KIW65597 KSS65590:KSS65597 LCO65590:LCO65597 LMK65590:LMK65597 LWG65590:LWG65597 MGC65590:MGC65597 MPY65590:MPY65597 MZU65590:MZU65597 NJQ65590:NJQ65597 NTM65590:NTM65597 ODI65590:ODI65597 ONE65590:ONE65597 OXA65590:OXA65597 PGW65590:PGW65597 PQS65590:PQS65597 QAO65590:QAO65597 QKK65590:QKK65597 QUG65590:QUG65597 REC65590:REC65597 RNY65590:RNY65597 RXU65590:RXU65597 SHQ65590:SHQ65597 SRM65590:SRM65597 TBI65590:TBI65597 TLE65590:TLE65597 TVA65590:TVA65597 UEW65590:UEW65597 UOS65590:UOS65597 UYO65590:UYO65597 VIK65590:VIK65597 VSG65590:VSG65597 WCC65590:WCC65597 WLY65590:WLY65597 WVU65590:WVU65597 M131126:M131133 JI131126:JI131133 TE131126:TE131133 ADA131126:ADA131133 AMW131126:AMW131133 AWS131126:AWS131133 BGO131126:BGO131133 BQK131126:BQK131133 CAG131126:CAG131133 CKC131126:CKC131133 CTY131126:CTY131133 DDU131126:DDU131133 DNQ131126:DNQ131133 DXM131126:DXM131133 EHI131126:EHI131133 ERE131126:ERE131133 FBA131126:FBA131133 FKW131126:FKW131133 FUS131126:FUS131133 GEO131126:GEO131133 GOK131126:GOK131133 GYG131126:GYG131133 HIC131126:HIC131133 HRY131126:HRY131133 IBU131126:IBU131133 ILQ131126:ILQ131133 IVM131126:IVM131133 JFI131126:JFI131133 JPE131126:JPE131133 JZA131126:JZA131133 KIW131126:KIW131133 KSS131126:KSS131133 LCO131126:LCO131133 LMK131126:LMK131133 LWG131126:LWG131133 MGC131126:MGC131133 MPY131126:MPY131133 MZU131126:MZU131133 NJQ131126:NJQ131133 NTM131126:NTM131133 ODI131126:ODI131133 ONE131126:ONE131133 OXA131126:OXA131133 PGW131126:PGW131133 PQS131126:PQS131133 QAO131126:QAO131133 QKK131126:QKK131133 QUG131126:QUG131133 REC131126:REC131133 RNY131126:RNY131133 RXU131126:RXU131133 SHQ131126:SHQ131133 SRM131126:SRM131133 TBI131126:TBI131133 TLE131126:TLE131133 TVA131126:TVA131133 UEW131126:UEW131133 UOS131126:UOS131133 UYO131126:UYO131133 VIK131126:VIK131133 VSG131126:VSG131133 WCC131126:WCC131133 WLY131126:WLY131133 WVU131126:WVU131133 M196662:M196669 JI196662:JI196669 TE196662:TE196669 ADA196662:ADA196669 AMW196662:AMW196669 AWS196662:AWS196669 BGO196662:BGO196669 BQK196662:BQK196669 CAG196662:CAG196669 CKC196662:CKC196669 CTY196662:CTY196669 DDU196662:DDU196669 DNQ196662:DNQ196669 DXM196662:DXM196669 EHI196662:EHI196669 ERE196662:ERE196669 FBA196662:FBA196669 FKW196662:FKW196669 FUS196662:FUS196669 GEO196662:GEO196669 GOK196662:GOK196669 GYG196662:GYG196669 HIC196662:HIC196669 HRY196662:HRY196669 IBU196662:IBU196669 ILQ196662:ILQ196669 IVM196662:IVM196669 JFI196662:JFI196669 JPE196662:JPE196669 JZA196662:JZA196669 KIW196662:KIW196669 KSS196662:KSS196669 LCO196662:LCO196669 LMK196662:LMK196669 LWG196662:LWG196669 MGC196662:MGC196669 MPY196662:MPY196669 MZU196662:MZU196669 NJQ196662:NJQ196669 NTM196662:NTM196669 ODI196662:ODI196669 ONE196662:ONE196669 OXA196662:OXA196669 PGW196662:PGW196669 PQS196662:PQS196669 QAO196662:QAO196669 QKK196662:QKK196669 QUG196662:QUG196669 REC196662:REC196669 RNY196662:RNY196669 RXU196662:RXU196669 SHQ196662:SHQ196669 SRM196662:SRM196669 TBI196662:TBI196669 TLE196662:TLE196669 TVA196662:TVA196669 UEW196662:UEW196669 UOS196662:UOS196669 UYO196662:UYO196669 VIK196662:VIK196669 VSG196662:VSG196669 WCC196662:WCC196669 WLY196662:WLY196669 WVU196662:WVU196669 M262198:M262205 JI262198:JI262205 TE262198:TE262205 ADA262198:ADA262205 AMW262198:AMW262205 AWS262198:AWS262205 BGO262198:BGO262205 BQK262198:BQK262205 CAG262198:CAG262205 CKC262198:CKC262205 CTY262198:CTY262205 DDU262198:DDU262205 DNQ262198:DNQ262205 DXM262198:DXM262205 EHI262198:EHI262205 ERE262198:ERE262205 FBA262198:FBA262205 FKW262198:FKW262205 FUS262198:FUS262205 GEO262198:GEO262205 GOK262198:GOK262205 GYG262198:GYG262205 HIC262198:HIC262205 HRY262198:HRY262205 IBU262198:IBU262205 ILQ262198:ILQ262205 IVM262198:IVM262205 JFI262198:JFI262205 JPE262198:JPE262205 JZA262198:JZA262205 KIW262198:KIW262205 KSS262198:KSS262205 LCO262198:LCO262205 LMK262198:LMK262205 LWG262198:LWG262205 MGC262198:MGC262205 MPY262198:MPY262205 MZU262198:MZU262205 NJQ262198:NJQ262205 NTM262198:NTM262205 ODI262198:ODI262205 ONE262198:ONE262205 OXA262198:OXA262205 PGW262198:PGW262205 PQS262198:PQS262205 QAO262198:QAO262205 QKK262198:QKK262205 QUG262198:QUG262205 REC262198:REC262205 RNY262198:RNY262205 RXU262198:RXU262205 SHQ262198:SHQ262205 SRM262198:SRM262205 TBI262198:TBI262205 TLE262198:TLE262205 TVA262198:TVA262205 UEW262198:UEW262205 UOS262198:UOS262205 UYO262198:UYO262205 VIK262198:VIK262205 VSG262198:VSG262205 WCC262198:WCC262205 WLY262198:WLY262205 WVU262198:WVU262205 M327734:M327741 JI327734:JI327741 TE327734:TE327741 ADA327734:ADA327741 AMW327734:AMW327741 AWS327734:AWS327741 BGO327734:BGO327741 BQK327734:BQK327741 CAG327734:CAG327741 CKC327734:CKC327741 CTY327734:CTY327741 DDU327734:DDU327741 DNQ327734:DNQ327741 DXM327734:DXM327741 EHI327734:EHI327741 ERE327734:ERE327741 FBA327734:FBA327741 FKW327734:FKW327741 FUS327734:FUS327741 GEO327734:GEO327741 GOK327734:GOK327741 GYG327734:GYG327741 HIC327734:HIC327741 HRY327734:HRY327741 IBU327734:IBU327741 ILQ327734:ILQ327741 IVM327734:IVM327741 JFI327734:JFI327741 JPE327734:JPE327741 JZA327734:JZA327741 KIW327734:KIW327741 KSS327734:KSS327741 LCO327734:LCO327741 LMK327734:LMK327741 LWG327734:LWG327741 MGC327734:MGC327741 MPY327734:MPY327741 MZU327734:MZU327741 NJQ327734:NJQ327741 NTM327734:NTM327741 ODI327734:ODI327741 ONE327734:ONE327741 OXA327734:OXA327741 PGW327734:PGW327741 PQS327734:PQS327741 QAO327734:QAO327741 QKK327734:QKK327741 QUG327734:QUG327741 REC327734:REC327741 RNY327734:RNY327741 RXU327734:RXU327741 SHQ327734:SHQ327741 SRM327734:SRM327741 TBI327734:TBI327741 TLE327734:TLE327741 TVA327734:TVA327741 UEW327734:UEW327741 UOS327734:UOS327741 UYO327734:UYO327741 VIK327734:VIK327741 VSG327734:VSG327741 WCC327734:WCC327741 WLY327734:WLY327741 WVU327734:WVU327741 M393270:M393277 JI393270:JI393277 TE393270:TE393277 ADA393270:ADA393277 AMW393270:AMW393277 AWS393270:AWS393277 BGO393270:BGO393277 BQK393270:BQK393277 CAG393270:CAG393277 CKC393270:CKC393277 CTY393270:CTY393277 DDU393270:DDU393277 DNQ393270:DNQ393277 DXM393270:DXM393277 EHI393270:EHI393277 ERE393270:ERE393277 FBA393270:FBA393277 FKW393270:FKW393277 FUS393270:FUS393277 GEO393270:GEO393277 GOK393270:GOK393277 GYG393270:GYG393277 HIC393270:HIC393277 HRY393270:HRY393277 IBU393270:IBU393277 ILQ393270:ILQ393277 IVM393270:IVM393277 JFI393270:JFI393277 JPE393270:JPE393277 JZA393270:JZA393277 KIW393270:KIW393277 KSS393270:KSS393277 LCO393270:LCO393277 LMK393270:LMK393277 LWG393270:LWG393277 MGC393270:MGC393277 MPY393270:MPY393277 MZU393270:MZU393277 NJQ393270:NJQ393277 NTM393270:NTM393277 ODI393270:ODI393277 ONE393270:ONE393277 OXA393270:OXA393277 PGW393270:PGW393277 PQS393270:PQS393277 QAO393270:QAO393277 QKK393270:QKK393277 QUG393270:QUG393277 REC393270:REC393277 RNY393270:RNY393277 RXU393270:RXU393277 SHQ393270:SHQ393277 SRM393270:SRM393277 TBI393270:TBI393277 TLE393270:TLE393277 TVA393270:TVA393277 UEW393270:UEW393277 UOS393270:UOS393277 UYO393270:UYO393277 VIK393270:VIK393277 VSG393270:VSG393277 WCC393270:WCC393277 WLY393270:WLY393277 WVU393270:WVU393277 M458806:M458813 JI458806:JI458813 TE458806:TE458813 ADA458806:ADA458813 AMW458806:AMW458813 AWS458806:AWS458813 BGO458806:BGO458813 BQK458806:BQK458813 CAG458806:CAG458813 CKC458806:CKC458813 CTY458806:CTY458813 DDU458806:DDU458813 DNQ458806:DNQ458813 DXM458806:DXM458813 EHI458806:EHI458813 ERE458806:ERE458813 FBA458806:FBA458813 FKW458806:FKW458813 FUS458806:FUS458813 GEO458806:GEO458813 GOK458806:GOK458813 GYG458806:GYG458813 HIC458806:HIC458813 HRY458806:HRY458813 IBU458806:IBU458813 ILQ458806:ILQ458813 IVM458806:IVM458813 JFI458806:JFI458813 JPE458806:JPE458813 JZA458806:JZA458813 KIW458806:KIW458813 KSS458806:KSS458813 LCO458806:LCO458813 LMK458806:LMK458813 LWG458806:LWG458813 MGC458806:MGC458813 MPY458806:MPY458813 MZU458806:MZU458813 NJQ458806:NJQ458813 NTM458806:NTM458813 ODI458806:ODI458813 ONE458806:ONE458813 OXA458806:OXA458813 PGW458806:PGW458813 PQS458806:PQS458813 QAO458806:QAO458813 QKK458806:QKK458813 QUG458806:QUG458813 REC458806:REC458813 RNY458806:RNY458813 RXU458806:RXU458813 SHQ458806:SHQ458813 SRM458806:SRM458813 TBI458806:TBI458813 TLE458806:TLE458813 TVA458806:TVA458813 UEW458806:UEW458813 UOS458806:UOS458813 UYO458806:UYO458813 VIK458806:VIK458813 VSG458806:VSG458813 WCC458806:WCC458813 WLY458806:WLY458813 WVU458806:WVU458813 M524342:M524349 JI524342:JI524349 TE524342:TE524349 ADA524342:ADA524349 AMW524342:AMW524349 AWS524342:AWS524349 BGO524342:BGO524349 BQK524342:BQK524349 CAG524342:CAG524349 CKC524342:CKC524349 CTY524342:CTY524349 DDU524342:DDU524349 DNQ524342:DNQ524349 DXM524342:DXM524349 EHI524342:EHI524349 ERE524342:ERE524349 FBA524342:FBA524349 FKW524342:FKW524349 FUS524342:FUS524349 GEO524342:GEO524349 GOK524342:GOK524349 GYG524342:GYG524349 HIC524342:HIC524349 HRY524342:HRY524349 IBU524342:IBU524349 ILQ524342:ILQ524349 IVM524342:IVM524349 JFI524342:JFI524349 JPE524342:JPE524349 JZA524342:JZA524349 KIW524342:KIW524349 KSS524342:KSS524349 LCO524342:LCO524349 LMK524342:LMK524349 LWG524342:LWG524349 MGC524342:MGC524349 MPY524342:MPY524349 MZU524342:MZU524349 NJQ524342:NJQ524349 NTM524342:NTM524349 ODI524342:ODI524349 ONE524342:ONE524349 OXA524342:OXA524349 PGW524342:PGW524349 PQS524342:PQS524349 QAO524342:QAO524349 QKK524342:QKK524349 QUG524342:QUG524349 REC524342:REC524349 RNY524342:RNY524349 RXU524342:RXU524349 SHQ524342:SHQ524349 SRM524342:SRM524349 TBI524342:TBI524349 TLE524342:TLE524349 TVA524342:TVA524349 UEW524342:UEW524349 UOS524342:UOS524349 UYO524342:UYO524349 VIK524342:VIK524349 VSG524342:VSG524349 WCC524342:WCC524349 WLY524342:WLY524349 WVU524342:WVU524349 M589878:M589885 JI589878:JI589885 TE589878:TE589885 ADA589878:ADA589885 AMW589878:AMW589885 AWS589878:AWS589885 BGO589878:BGO589885 BQK589878:BQK589885 CAG589878:CAG589885 CKC589878:CKC589885 CTY589878:CTY589885 DDU589878:DDU589885 DNQ589878:DNQ589885 DXM589878:DXM589885 EHI589878:EHI589885 ERE589878:ERE589885 FBA589878:FBA589885 FKW589878:FKW589885 FUS589878:FUS589885 GEO589878:GEO589885 GOK589878:GOK589885 GYG589878:GYG589885 HIC589878:HIC589885 HRY589878:HRY589885 IBU589878:IBU589885 ILQ589878:ILQ589885 IVM589878:IVM589885 JFI589878:JFI589885 JPE589878:JPE589885 JZA589878:JZA589885 KIW589878:KIW589885 KSS589878:KSS589885 LCO589878:LCO589885 LMK589878:LMK589885 LWG589878:LWG589885 MGC589878:MGC589885 MPY589878:MPY589885 MZU589878:MZU589885 NJQ589878:NJQ589885 NTM589878:NTM589885 ODI589878:ODI589885 ONE589878:ONE589885 OXA589878:OXA589885 PGW589878:PGW589885 PQS589878:PQS589885 QAO589878:QAO589885 QKK589878:QKK589885 QUG589878:QUG589885 REC589878:REC589885 RNY589878:RNY589885 RXU589878:RXU589885 SHQ589878:SHQ589885 SRM589878:SRM589885 TBI589878:TBI589885 TLE589878:TLE589885 TVA589878:TVA589885 UEW589878:UEW589885 UOS589878:UOS589885 UYO589878:UYO589885 VIK589878:VIK589885 VSG589878:VSG589885 WCC589878:WCC589885 WLY589878:WLY589885 WVU589878:WVU589885 M655414:M655421 JI655414:JI655421 TE655414:TE655421 ADA655414:ADA655421 AMW655414:AMW655421 AWS655414:AWS655421 BGO655414:BGO655421 BQK655414:BQK655421 CAG655414:CAG655421 CKC655414:CKC655421 CTY655414:CTY655421 DDU655414:DDU655421 DNQ655414:DNQ655421 DXM655414:DXM655421 EHI655414:EHI655421 ERE655414:ERE655421 FBA655414:FBA655421 FKW655414:FKW655421 FUS655414:FUS655421 GEO655414:GEO655421 GOK655414:GOK655421 GYG655414:GYG655421 HIC655414:HIC655421 HRY655414:HRY655421 IBU655414:IBU655421 ILQ655414:ILQ655421 IVM655414:IVM655421 JFI655414:JFI655421 JPE655414:JPE655421 JZA655414:JZA655421 KIW655414:KIW655421 KSS655414:KSS655421 LCO655414:LCO655421 LMK655414:LMK655421 LWG655414:LWG655421 MGC655414:MGC655421 MPY655414:MPY655421 MZU655414:MZU655421 NJQ655414:NJQ655421 NTM655414:NTM655421 ODI655414:ODI655421 ONE655414:ONE655421 OXA655414:OXA655421 PGW655414:PGW655421 PQS655414:PQS655421 QAO655414:QAO655421 QKK655414:QKK655421 QUG655414:QUG655421 REC655414:REC655421 RNY655414:RNY655421 RXU655414:RXU655421 SHQ655414:SHQ655421 SRM655414:SRM655421 TBI655414:TBI655421 TLE655414:TLE655421 TVA655414:TVA655421 UEW655414:UEW655421 UOS655414:UOS655421 UYO655414:UYO655421 VIK655414:VIK655421 VSG655414:VSG655421 WCC655414:WCC655421 WLY655414:WLY655421 WVU655414:WVU655421 M720950:M720957 JI720950:JI720957 TE720950:TE720957 ADA720950:ADA720957 AMW720950:AMW720957 AWS720950:AWS720957 BGO720950:BGO720957 BQK720950:BQK720957 CAG720950:CAG720957 CKC720950:CKC720957 CTY720950:CTY720957 DDU720950:DDU720957 DNQ720950:DNQ720957 DXM720950:DXM720957 EHI720950:EHI720957 ERE720950:ERE720957 FBA720950:FBA720957 FKW720950:FKW720957 FUS720950:FUS720957 GEO720950:GEO720957 GOK720950:GOK720957 GYG720950:GYG720957 HIC720950:HIC720957 HRY720950:HRY720957 IBU720950:IBU720957 ILQ720950:ILQ720957 IVM720950:IVM720957 JFI720950:JFI720957 JPE720950:JPE720957 JZA720950:JZA720957 KIW720950:KIW720957 KSS720950:KSS720957 LCO720950:LCO720957 LMK720950:LMK720957 LWG720950:LWG720957 MGC720950:MGC720957 MPY720950:MPY720957 MZU720950:MZU720957 NJQ720950:NJQ720957 NTM720950:NTM720957 ODI720950:ODI720957 ONE720950:ONE720957 OXA720950:OXA720957 PGW720950:PGW720957 PQS720950:PQS720957 QAO720950:QAO720957 QKK720950:QKK720957 QUG720950:QUG720957 REC720950:REC720957 RNY720950:RNY720957 RXU720950:RXU720957 SHQ720950:SHQ720957 SRM720950:SRM720957 TBI720950:TBI720957 TLE720950:TLE720957 TVA720950:TVA720957 UEW720950:UEW720957 UOS720950:UOS720957 UYO720950:UYO720957 VIK720950:VIK720957 VSG720950:VSG720957 WCC720950:WCC720957 WLY720950:WLY720957 WVU720950:WVU720957 M786486:M786493 JI786486:JI786493 TE786486:TE786493 ADA786486:ADA786493 AMW786486:AMW786493 AWS786486:AWS786493 BGO786486:BGO786493 BQK786486:BQK786493 CAG786486:CAG786493 CKC786486:CKC786493 CTY786486:CTY786493 DDU786486:DDU786493 DNQ786486:DNQ786493 DXM786486:DXM786493 EHI786486:EHI786493 ERE786486:ERE786493 FBA786486:FBA786493 FKW786486:FKW786493 FUS786486:FUS786493 GEO786486:GEO786493 GOK786486:GOK786493 GYG786486:GYG786493 HIC786486:HIC786493 HRY786486:HRY786493 IBU786486:IBU786493 ILQ786486:ILQ786493 IVM786486:IVM786493 JFI786486:JFI786493 JPE786486:JPE786493 JZA786486:JZA786493 KIW786486:KIW786493 KSS786486:KSS786493 LCO786486:LCO786493 LMK786486:LMK786493 LWG786486:LWG786493 MGC786486:MGC786493 MPY786486:MPY786493 MZU786486:MZU786493 NJQ786486:NJQ786493 NTM786486:NTM786493 ODI786486:ODI786493 ONE786486:ONE786493 OXA786486:OXA786493 PGW786486:PGW786493 PQS786486:PQS786493 QAO786486:QAO786493 QKK786486:QKK786493 QUG786486:QUG786493 REC786486:REC786493 RNY786486:RNY786493 RXU786486:RXU786493 SHQ786486:SHQ786493 SRM786486:SRM786493 TBI786486:TBI786493 TLE786486:TLE786493 TVA786486:TVA786493 UEW786486:UEW786493 UOS786486:UOS786493 UYO786486:UYO786493 VIK786486:VIK786493 VSG786486:VSG786493 WCC786486:WCC786493 WLY786486:WLY786493 WVU786486:WVU786493 M852022:M852029 JI852022:JI852029 TE852022:TE852029 ADA852022:ADA852029 AMW852022:AMW852029 AWS852022:AWS852029 BGO852022:BGO852029 BQK852022:BQK852029 CAG852022:CAG852029 CKC852022:CKC852029 CTY852022:CTY852029 DDU852022:DDU852029 DNQ852022:DNQ852029 DXM852022:DXM852029 EHI852022:EHI852029 ERE852022:ERE852029 FBA852022:FBA852029 FKW852022:FKW852029 FUS852022:FUS852029 GEO852022:GEO852029 GOK852022:GOK852029 GYG852022:GYG852029 HIC852022:HIC852029 HRY852022:HRY852029 IBU852022:IBU852029 ILQ852022:ILQ852029 IVM852022:IVM852029 JFI852022:JFI852029 JPE852022:JPE852029 JZA852022:JZA852029 KIW852022:KIW852029 KSS852022:KSS852029 LCO852022:LCO852029 LMK852022:LMK852029 LWG852022:LWG852029 MGC852022:MGC852029 MPY852022:MPY852029 MZU852022:MZU852029 NJQ852022:NJQ852029 NTM852022:NTM852029 ODI852022:ODI852029 ONE852022:ONE852029 OXA852022:OXA852029 PGW852022:PGW852029 PQS852022:PQS852029 QAO852022:QAO852029 QKK852022:QKK852029 QUG852022:QUG852029 REC852022:REC852029 RNY852022:RNY852029 RXU852022:RXU852029 SHQ852022:SHQ852029 SRM852022:SRM852029 TBI852022:TBI852029 TLE852022:TLE852029 TVA852022:TVA852029 UEW852022:UEW852029 UOS852022:UOS852029 UYO852022:UYO852029 VIK852022:VIK852029 VSG852022:VSG852029 WCC852022:WCC852029 WLY852022:WLY852029 WVU852022:WVU852029 M917558:M917565 JI917558:JI917565 TE917558:TE917565 ADA917558:ADA917565 AMW917558:AMW917565 AWS917558:AWS917565 BGO917558:BGO917565 BQK917558:BQK917565 CAG917558:CAG917565 CKC917558:CKC917565 CTY917558:CTY917565 DDU917558:DDU917565 DNQ917558:DNQ917565 DXM917558:DXM917565 EHI917558:EHI917565 ERE917558:ERE917565 FBA917558:FBA917565 FKW917558:FKW917565 FUS917558:FUS917565 GEO917558:GEO917565 GOK917558:GOK917565 GYG917558:GYG917565 HIC917558:HIC917565 HRY917558:HRY917565 IBU917558:IBU917565 ILQ917558:ILQ917565 IVM917558:IVM917565 JFI917558:JFI917565 JPE917558:JPE917565 JZA917558:JZA917565 KIW917558:KIW917565 KSS917558:KSS917565 LCO917558:LCO917565 LMK917558:LMK917565 LWG917558:LWG917565 MGC917558:MGC917565 MPY917558:MPY917565 MZU917558:MZU917565 NJQ917558:NJQ917565 NTM917558:NTM917565 ODI917558:ODI917565 ONE917558:ONE917565 OXA917558:OXA917565 PGW917558:PGW917565 PQS917558:PQS917565 QAO917558:QAO917565 QKK917558:QKK917565 QUG917558:QUG917565 REC917558:REC917565 RNY917558:RNY917565 RXU917558:RXU917565 SHQ917558:SHQ917565 SRM917558:SRM917565 TBI917558:TBI917565 TLE917558:TLE917565 TVA917558:TVA917565 UEW917558:UEW917565 UOS917558:UOS917565 UYO917558:UYO917565 VIK917558:VIK917565 VSG917558:VSG917565 WCC917558:WCC917565 WLY917558:WLY917565 WVU917558:WVU917565 M983094:M983101 JI983094:JI983101 TE983094:TE983101 ADA983094:ADA983101 AMW983094:AMW983101 AWS983094:AWS983101 BGO983094:BGO983101 BQK983094:BQK983101 CAG983094:CAG983101 CKC983094:CKC983101 CTY983094:CTY983101 DDU983094:DDU983101 DNQ983094:DNQ983101 DXM983094:DXM983101 EHI983094:EHI983101 ERE983094:ERE983101 FBA983094:FBA983101 FKW983094:FKW983101 FUS983094:FUS983101 GEO983094:GEO983101 GOK983094:GOK983101 GYG983094:GYG983101 HIC983094:HIC983101 HRY983094:HRY983101 IBU983094:IBU983101 ILQ983094:ILQ983101 IVM983094:IVM983101 JFI983094:JFI983101 JPE983094:JPE983101 JZA983094:JZA983101 KIW983094:KIW983101 KSS983094:KSS983101 LCO983094:LCO983101 LMK983094:LMK983101 LWG983094:LWG983101 MGC983094:MGC983101 MPY983094:MPY983101 MZU983094:MZU983101 NJQ983094:NJQ983101 NTM983094:NTM983101 ODI983094:ODI983101 ONE983094:ONE983101 OXA983094:OXA983101 PGW983094:PGW983101 PQS983094:PQS983101 QAO983094:QAO983101 QKK983094:QKK983101 QUG983094:QUG983101 REC983094:REC983101 RNY983094:RNY983101 RXU983094:RXU983101 SHQ983094:SHQ983101 SRM983094:SRM983101 TBI983094:TBI983101 TLE983094:TLE983101 TVA983094:TVA983101 UEW983094:UEW983101 UOS983094:UOS983101 UYO983094:UYO983101 VIK983094:VIK983101 VSG983094:VSG983101 WCC983094:WCC983101 WLY983094:WLY983101 WVU983094:WVU983101 O55 JK55 TG55 ADC55 AMY55 AWU55 BGQ55 BQM55 CAI55 CKE55 CUA55 DDW55 DNS55 DXO55 EHK55 ERG55 FBC55 FKY55 FUU55 GEQ55 GOM55 GYI55 HIE55 HSA55 IBW55 ILS55 IVO55 JFK55 JPG55 JZC55 KIY55 KSU55 LCQ55 LMM55 LWI55 MGE55 MQA55 MZW55 NJS55 NTO55 ODK55 ONG55 OXC55 PGY55 PQU55 QAQ55 QKM55 QUI55 REE55 ROA55 RXW55 SHS55 SRO55 TBK55 TLG55 TVC55 UEY55 UOU55 UYQ55 VIM55 VSI55 WCE55 WMA55 WVW55 O65591 JK65591 TG65591 ADC65591 AMY65591 AWU65591 BGQ65591 BQM65591 CAI65591 CKE65591 CUA65591 DDW65591 DNS65591 DXO65591 EHK65591 ERG65591 FBC65591 FKY65591 FUU65591 GEQ65591 GOM65591 GYI65591 HIE65591 HSA65591 IBW65591 ILS65591 IVO65591 JFK65591 JPG65591 JZC65591 KIY65591 KSU65591 LCQ65591 LMM65591 LWI65591 MGE65591 MQA65591 MZW65591 NJS65591 NTO65591 ODK65591 ONG65591 OXC65591 PGY65591 PQU65591 QAQ65591 QKM65591 QUI65591 REE65591 ROA65591 RXW65591 SHS65591 SRO65591 TBK65591 TLG65591 TVC65591 UEY65591 UOU65591 UYQ65591 VIM65591 VSI65591 WCE65591 WMA65591 WVW65591 O131127 JK131127 TG131127 ADC131127 AMY131127 AWU131127 BGQ131127 BQM131127 CAI131127 CKE131127 CUA131127 DDW131127 DNS131127 DXO131127 EHK131127 ERG131127 FBC131127 FKY131127 FUU131127 GEQ131127 GOM131127 GYI131127 HIE131127 HSA131127 IBW131127 ILS131127 IVO131127 JFK131127 JPG131127 JZC131127 KIY131127 KSU131127 LCQ131127 LMM131127 LWI131127 MGE131127 MQA131127 MZW131127 NJS131127 NTO131127 ODK131127 ONG131127 OXC131127 PGY131127 PQU131127 QAQ131127 QKM131127 QUI131127 REE131127 ROA131127 RXW131127 SHS131127 SRO131127 TBK131127 TLG131127 TVC131127 UEY131127 UOU131127 UYQ131127 VIM131127 VSI131127 WCE131127 WMA131127 WVW131127 O196663 JK196663 TG196663 ADC196663 AMY196663 AWU196663 BGQ196663 BQM196663 CAI196663 CKE196663 CUA196663 DDW196663 DNS196663 DXO196663 EHK196663 ERG196663 FBC196663 FKY196663 FUU196663 GEQ196663 GOM196663 GYI196663 HIE196663 HSA196663 IBW196663 ILS196663 IVO196663 JFK196663 JPG196663 JZC196663 KIY196663 KSU196663 LCQ196663 LMM196663 LWI196663 MGE196663 MQA196663 MZW196663 NJS196663 NTO196663 ODK196663 ONG196663 OXC196663 PGY196663 PQU196663 QAQ196663 QKM196663 QUI196663 REE196663 ROA196663 RXW196663 SHS196663 SRO196663 TBK196663 TLG196663 TVC196663 UEY196663 UOU196663 UYQ196663 VIM196663 VSI196663 WCE196663 WMA196663 WVW196663 O262199 JK262199 TG262199 ADC262199 AMY262199 AWU262199 BGQ262199 BQM262199 CAI262199 CKE262199 CUA262199 DDW262199 DNS262199 DXO262199 EHK262199 ERG262199 FBC262199 FKY262199 FUU262199 GEQ262199 GOM262199 GYI262199 HIE262199 HSA262199 IBW262199 ILS262199 IVO262199 JFK262199 JPG262199 JZC262199 KIY262199 KSU262199 LCQ262199 LMM262199 LWI262199 MGE262199 MQA262199 MZW262199 NJS262199 NTO262199 ODK262199 ONG262199 OXC262199 PGY262199 PQU262199 QAQ262199 QKM262199 QUI262199 REE262199 ROA262199 RXW262199 SHS262199 SRO262199 TBK262199 TLG262199 TVC262199 UEY262199 UOU262199 UYQ262199 VIM262199 VSI262199 WCE262199 WMA262199 WVW262199 O327735 JK327735 TG327735 ADC327735 AMY327735 AWU327735 BGQ327735 BQM327735 CAI327735 CKE327735 CUA327735 DDW327735 DNS327735 DXO327735 EHK327735 ERG327735 FBC327735 FKY327735 FUU327735 GEQ327735 GOM327735 GYI327735 HIE327735 HSA327735 IBW327735 ILS327735 IVO327735 JFK327735 JPG327735 JZC327735 KIY327735 KSU327735 LCQ327735 LMM327735 LWI327735 MGE327735 MQA327735 MZW327735 NJS327735 NTO327735 ODK327735 ONG327735 OXC327735 PGY327735 PQU327735 QAQ327735 QKM327735 QUI327735 REE327735 ROA327735 RXW327735 SHS327735 SRO327735 TBK327735 TLG327735 TVC327735 UEY327735 UOU327735 UYQ327735 VIM327735 VSI327735 WCE327735 WMA327735 WVW327735 O393271 JK393271 TG393271 ADC393271 AMY393271 AWU393271 BGQ393271 BQM393271 CAI393271 CKE393271 CUA393271 DDW393271 DNS393271 DXO393271 EHK393271 ERG393271 FBC393271 FKY393271 FUU393271 GEQ393271 GOM393271 GYI393271 HIE393271 HSA393271 IBW393271 ILS393271 IVO393271 JFK393271 JPG393271 JZC393271 KIY393271 KSU393271 LCQ393271 LMM393271 LWI393271 MGE393271 MQA393271 MZW393271 NJS393271 NTO393271 ODK393271 ONG393271 OXC393271 PGY393271 PQU393271 QAQ393271 QKM393271 QUI393271 REE393271 ROA393271 RXW393271 SHS393271 SRO393271 TBK393271 TLG393271 TVC393271 UEY393271 UOU393271 UYQ393271 VIM393271 VSI393271 WCE393271 WMA393271 WVW393271 O458807 JK458807 TG458807 ADC458807 AMY458807 AWU458807 BGQ458807 BQM458807 CAI458807 CKE458807 CUA458807 DDW458807 DNS458807 DXO458807 EHK458807 ERG458807 FBC458807 FKY458807 FUU458807 GEQ458807 GOM458807 GYI458807 HIE458807 HSA458807 IBW458807 ILS458807 IVO458807 JFK458807 JPG458807 JZC458807 KIY458807 KSU458807 LCQ458807 LMM458807 LWI458807 MGE458807 MQA458807 MZW458807 NJS458807 NTO458807 ODK458807 ONG458807 OXC458807 PGY458807 PQU458807 QAQ458807 QKM458807 QUI458807 REE458807 ROA458807 RXW458807 SHS458807 SRO458807 TBK458807 TLG458807 TVC458807 UEY458807 UOU458807 UYQ458807 VIM458807 VSI458807 WCE458807 WMA458807 WVW458807 O524343 JK524343 TG524343 ADC524343 AMY524343 AWU524343 BGQ524343 BQM524343 CAI524343 CKE524343 CUA524343 DDW524343 DNS524343 DXO524343 EHK524343 ERG524343 FBC524343 FKY524343 FUU524343 GEQ524343 GOM524343 GYI524343 HIE524343 HSA524343 IBW524343 ILS524343 IVO524343 JFK524343 JPG524343 JZC524343 KIY524343 KSU524343 LCQ524343 LMM524343 LWI524343 MGE524343 MQA524343 MZW524343 NJS524343 NTO524343 ODK524343 ONG524343 OXC524343 PGY524343 PQU524343 QAQ524343 QKM524343 QUI524343 REE524343 ROA524343 RXW524343 SHS524343 SRO524343 TBK524343 TLG524343 TVC524343 UEY524343 UOU524343 UYQ524343 VIM524343 VSI524343 WCE524343 WMA524343 WVW524343 O589879 JK589879 TG589879 ADC589879 AMY589879 AWU589879 BGQ589879 BQM589879 CAI589879 CKE589879 CUA589879 DDW589879 DNS589879 DXO589879 EHK589879 ERG589879 FBC589879 FKY589879 FUU589879 GEQ589879 GOM589879 GYI589879 HIE589879 HSA589879 IBW589879 ILS589879 IVO589879 JFK589879 JPG589879 JZC589879 KIY589879 KSU589879 LCQ589879 LMM589879 LWI589879 MGE589879 MQA589879 MZW589879 NJS589879 NTO589879 ODK589879 ONG589879 OXC589879 PGY589879 PQU589879 QAQ589879 QKM589879 QUI589879 REE589879 ROA589879 RXW589879 SHS589879 SRO589879 TBK589879 TLG589879 TVC589879 UEY589879 UOU589879 UYQ589879 VIM589879 VSI589879 WCE589879 WMA589879 WVW589879 O655415 JK655415 TG655415 ADC655415 AMY655415 AWU655415 BGQ655415 BQM655415 CAI655415 CKE655415 CUA655415 DDW655415 DNS655415 DXO655415 EHK655415 ERG655415 FBC655415 FKY655415 FUU655415 GEQ655415 GOM655415 GYI655415 HIE655415 HSA655415 IBW655415 ILS655415 IVO655415 JFK655415 JPG655415 JZC655415 KIY655415 KSU655415 LCQ655415 LMM655415 LWI655415 MGE655415 MQA655415 MZW655415 NJS655415 NTO655415 ODK655415 ONG655415 OXC655415 PGY655415 PQU655415 QAQ655415 QKM655415 QUI655415 REE655415 ROA655415 RXW655415 SHS655415 SRO655415 TBK655415 TLG655415 TVC655415 UEY655415 UOU655415 UYQ655415 VIM655415 VSI655415 WCE655415 WMA655415 WVW655415 O720951 JK720951 TG720951 ADC720951 AMY720951 AWU720951 BGQ720951 BQM720951 CAI720951 CKE720951 CUA720951 DDW720951 DNS720951 DXO720951 EHK720951 ERG720951 FBC720951 FKY720951 FUU720951 GEQ720951 GOM720951 GYI720951 HIE720951 HSA720951 IBW720951 ILS720951 IVO720951 JFK720951 JPG720951 JZC720951 KIY720951 KSU720951 LCQ720951 LMM720951 LWI720951 MGE720951 MQA720951 MZW720951 NJS720951 NTO720951 ODK720951 ONG720951 OXC720951 PGY720951 PQU720951 QAQ720951 QKM720951 QUI720951 REE720951 ROA720951 RXW720951 SHS720951 SRO720951 TBK720951 TLG720951 TVC720951 UEY720951 UOU720951 UYQ720951 VIM720951 VSI720951 WCE720951 WMA720951 WVW720951 O786487 JK786487 TG786487 ADC786487 AMY786487 AWU786487 BGQ786487 BQM786487 CAI786487 CKE786487 CUA786487 DDW786487 DNS786487 DXO786487 EHK786487 ERG786487 FBC786487 FKY786487 FUU786487 GEQ786487 GOM786487 GYI786487 HIE786487 HSA786487 IBW786487 ILS786487 IVO786487 JFK786487 JPG786487 JZC786487 KIY786487 KSU786487 LCQ786487 LMM786487 LWI786487 MGE786487 MQA786487 MZW786487 NJS786487 NTO786487 ODK786487 ONG786487 OXC786487 PGY786487 PQU786487 QAQ786487 QKM786487 QUI786487 REE786487 ROA786487 RXW786487 SHS786487 SRO786487 TBK786487 TLG786487 TVC786487 UEY786487 UOU786487 UYQ786487 VIM786487 VSI786487 WCE786487 WMA786487 WVW786487 O852023 JK852023 TG852023 ADC852023 AMY852023 AWU852023 BGQ852023 BQM852023 CAI852023 CKE852023 CUA852023 DDW852023 DNS852023 DXO852023 EHK852023 ERG852023 FBC852023 FKY852023 FUU852023 GEQ852023 GOM852023 GYI852023 HIE852023 HSA852023 IBW852023 ILS852023 IVO852023 JFK852023 JPG852023 JZC852023 KIY852023 KSU852023 LCQ852023 LMM852023 LWI852023 MGE852023 MQA852023 MZW852023 NJS852023 NTO852023 ODK852023 ONG852023 OXC852023 PGY852023 PQU852023 QAQ852023 QKM852023 QUI852023 REE852023 ROA852023 RXW852023 SHS852023 SRO852023 TBK852023 TLG852023 TVC852023 UEY852023 UOU852023 UYQ852023 VIM852023 VSI852023 WCE852023 WMA852023 WVW852023 O917559 JK917559 TG917559 ADC917559 AMY917559 AWU917559 BGQ917559 BQM917559 CAI917559 CKE917559 CUA917559 DDW917559 DNS917559 DXO917559 EHK917559 ERG917559 FBC917559 FKY917559 FUU917559 GEQ917559 GOM917559 GYI917559 HIE917559 HSA917559 IBW917559 ILS917559 IVO917559 JFK917559 JPG917559 JZC917559 KIY917559 KSU917559 LCQ917559 LMM917559 LWI917559 MGE917559 MQA917559 MZW917559 NJS917559 NTO917559 ODK917559 ONG917559 OXC917559 PGY917559 PQU917559 QAQ917559 QKM917559 QUI917559 REE917559 ROA917559 RXW917559 SHS917559 SRO917559 TBK917559 TLG917559 TVC917559 UEY917559 UOU917559 UYQ917559 VIM917559 VSI917559 WCE917559 WMA917559 WVW917559 O983095 JK983095 TG983095 ADC983095 AMY983095 AWU983095 BGQ983095 BQM983095 CAI983095 CKE983095 CUA983095 DDW983095 DNS983095 DXO983095 EHK983095 ERG983095 FBC983095 FKY983095 FUU983095 GEQ983095 GOM983095 GYI983095 HIE983095 HSA983095 IBW983095 ILS983095 IVO983095 JFK983095 JPG983095 JZC983095 KIY983095 KSU983095 LCQ983095 LMM983095 LWI983095 MGE983095 MQA983095 MZW983095 NJS983095 NTO983095 ODK983095 ONG983095 OXC983095 PGY983095 PQU983095 QAQ983095 QKM983095 QUI983095 REE983095 ROA983095 RXW983095 SHS983095 SRO983095 TBK983095 TLG983095 TVC983095 UEY983095 UOU983095 UYQ983095 VIM983095 VSI983095 WCE983095 WMA983095 WVW983095 I58 JE58 TA58 ACW58 AMS58 AWO58 BGK58 BQG58 CAC58 CJY58 CTU58 DDQ58 DNM58 DXI58 EHE58 ERA58 FAW58 FKS58 FUO58 GEK58 GOG58 GYC58 HHY58 HRU58 IBQ58 ILM58 IVI58 JFE58 JPA58 JYW58 KIS58 KSO58 LCK58 LMG58 LWC58 MFY58 MPU58 MZQ58 NJM58 NTI58 ODE58 ONA58 OWW58 PGS58 PQO58 QAK58 QKG58 QUC58 RDY58 RNU58 RXQ58 SHM58 SRI58 TBE58 TLA58 TUW58 UES58 UOO58 UYK58 VIG58 VSC58 WBY58 WLU58 WVQ58 I65594 JE65594 TA65594 ACW65594 AMS65594 AWO65594 BGK65594 BQG65594 CAC65594 CJY65594 CTU65594 DDQ65594 DNM65594 DXI65594 EHE65594 ERA65594 FAW65594 FKS65594 FUO65594 GEK65594 GOG65594 GYC65594 HHY65594 HRU65594 IBQ65594 ILM65594 IVI65594 JFE65594 JPA65594 JYW65594 KIS65594 KSO65594 LCK65594 LMG65594 LWC65594 MFY65594 MPU65594 MZQ65594 NJM65594 NTI65594 ODE65594 ONA65594 OWW65594 PGS65594 PQO65594 QAK65594 QKG65594 QUC65594 RDY65594 RNU65594 RXQ65594 SHM65594 SRI65594 TBE65594 TLA65594 TUW65594 UES65594 UOO65594 UYK65594 VIG65594 VSC65594 WBY65594 WLU65594 WVQ65594 I131130 JE131130 TA131130 ACW131130 AMS131130 AWO131130 BGK131130 BQG131130 CAC131130 CJY131130 CTU131130 DDQ131130 DNM131130 DXI131130 EHE131130 ERA131130 FAW131130 FKS131130 FUO131130 GEK131130 GOG131130 GYC131130 HHY131130 HRU131130 IBQ131130 ILM131130 IVI131130 JFE131130 JPA131130 JYW131130 KIS131130 KSO131130 LCK131130 LMG131130 LWC131130 MFY131130 MPU131130 MZQ131130 NJM131130 NTI131130 ODE131130 ONA131130 OWW131130 PGS131130 PQO131130 QAK131130 QKG131130 QUC131130 RDY131130 RNU131130 RXQ131130 SHM131130 SRI131130 TBE131130 TLA131130 TUW131130 UES131130 UOO131130 UYK131130 VIG131130 VSC131130 WBY131130 WLU131130 WVQ131130 I196666 JE196666 TA196666 ACW196666 AMS196666 AWO196666 BGK196666 BQG196666 CAC196666 CJY196666 CTU196666 DDQ196666 DNM196666 DXI196666 EHE196666 ERA196666 FAW196666 FKS196666 FUO196666 GEK196666 GOG196666 GYC196666 HHY196666 HRU196666 IBQ196666 ILM196666 IVI196666 JFE196666 JPA196666 JYW196666 KIS196666 KSO196666 LCK196666 LMG196666 LWC196666 MFY196666 MPU196666 MZQ196666 NJM196666 NTI196666 ODE196666 ONA196666 OWW196666 PGS196666 PQO196666 QAK196666 QKG196666 QUC196666 RDY196666 RNU196666 RXQ196666 SHM196666 SRI196666 TBE196666 TLA196666 TUW196666 UES196666 UOO196666 UYK196666 VIG196666 VSC196666 WBY196666 WLU196666 WVQ196666 I262202 JE262202 TA262202 ACW262202 AMS262202 AWO262202 BGK262202 BQG262202 CAC262202 CJY262202 CTU262202 DDQ262202 DNM262202 DXI262202 EHE262202 ERA262202 FAW262202 FKS262202 FUO262202 GEK262202 GOG262202 GYC262202 HHY262202 HRU262202 IBQ262202 ILM262202 IVI262202 JFE262202 JPA262202 JYW262202 KIS262202 KSO262202 LCK262202 LMG262202 LWC262202 MFY262202 MPU262202 MZQ262202 NJM262202 NTI262202 ODE262202 ONA262202 OWW262202 PGS262202 PQO262202 QAK262202 QKG262202 QUC262202 RDY262202 RNU262202 RXQ262202 SHM262202 SRI262202 TBE262202 TLA262202 TUW262202 UES262202 UOO262202 UYK262202 VIG262202 VSC262202 WBY262202 WLU262202 WVQ262202 I327738 JE327738 TA327738 ACW327738 AMS327738 AWO327738 BGK327738 BQG327738 CAC327738 CJY327738 CTU327738 DDQ327738 DNM327738 DXI327738 EHE327738 ERA327738 FAW327738 FKS327738 FUO327738 GEK327738 GOG327738 GYC327738 HHY327738 HRU327738 IBQ327738 ILM327738 IVI327738 JFE327738 JPA327738 JYW327738 KIS327738 KSO327738 LCK327738 LMG327738 LWC327738 MFY327738 MPU327738 MZQ327738 NJM327738 NTI327738 ODE327738 ONA327738 OWW327738 PGS327738 PQO327738 QAK327738 QKG327738 QUC327738 RDY327738 RNU327738 RXQ327738 SHM327738 SRI327738 TBE327738 TLA327738 TUW327738 UES327738 UOO327738 UYK327738 VIG327738 VSC327738 WBY327738 WLU327738 WVQ327738 I393274 JE393274 TA393274 ACW393274 AMS393274 AWO393274 BGK393274 BQG393274 CAC393274 CJY393274 CTU393274 DDQ393274 DNM393274 DXI393274 EHE393274 ERA393274 FAW393274 FKS393274 FUO393274 GEK393274 GOG393274 GYC393274 HHY393274 HRU393274 IBQ393274 ILM393274 IVI393274 JFE393274 JPA393274 JYW393274 KIS393274 KSO393274 LCK393274 LMG393274 LWC393274 MFY393274 MPU393274 MZQ393274 NJM393274 NTI393274 ODE393274 ONA393274 OWW393274 PGS393274 PQO393274 QAK393274 QKG393274 QUC393274 RDY393274 RNU393274 RXQ393274 SHM393274 SRI393274 TBE393274 TLA393274 TUW393274 UES393274 UOO393274 UYK393274 VIG393274 VSC393274 WBY393274 WLU393274 WVQ393274 I458810 JE458810 TA458810 ACW458810 AMS458810 AWO458810 BGK458810 BQG458810 CAC458810 CJY458810 CTU458810 DDQ458810 DNM458810 DXI458810 EHE458810 ERA458810 FAW458810 FKS458810 FUO458810 GEK458810 GOG458810 GYC458810 HHY458810 HRU458810 IBQ458810 ILM458810 IVI458810 JFE458810 JPA458810 JYW458810 KIS458810 KSO458810 LCK458810 LMG458810 LWC458810 MFY458810 MPU458810 MZQ458810 NJM458810 NTI458810 ODE458810 ONA458810 OWW458810 PGS458810 PQO458810 QAK458810 QKG458810 QUC458810 RDY458810 RNU458810 RXQ458810 SHM458810 SRI458810 TBE458810 TLA458810 TUW458810 UES458810 UOO458810 UYK458810 VIG458810 VSC458810 WBY458810 WLU458810 WVQ458810 I524346 JE524346 TA524346 ACW524346 AMS524346 AWO524346 BGK524346 BQG524346 CAC524346 CJY524346 CTU524346 DDQ524346 DNM524346 DXI524346 EHE524346 ERA524346 FAW524346 FKS524346 FUO524346 GEK524346 GOG524346 GYC524346 HHY524346 HRU524346 IBQ524346 ILM524346 IVI524346 JFE524346 JPA524346 JYW524346 KIS524346 KSO524346 LCK524346 LMG524346 LWC524346 MFY524346 MPU524346 MZQ524346 NJM524346 NTI524346 ODE524346 ONA524346 OWW524346 PGS524346 PQO524346 QAK524346 QKG524346 QUC524346 RDY524346 RNU524346 RXQ524346 SHM524346 SRI524346 TBE524346 TLA524346 TUW524346 UES524346 UOO524346 UYK524346 VIG524346 VSC524346 WBY524346 WLU524346 WVQ524346 I589882 JE589882 TA589882 ACW589882 AMS589882 AWO589882 BGK589882 BQG589882 CAC589882 CJY589882 CTU589882 DDQ589882 DNM589882 DXI589882 EHE589882 ERA589882 FAW589882 FKS589882 FUO589882 GEK589882 GOG589882 GYC589882 HHY589882 HRU589882 IBQ589882 ILM589882 IVI589882 JFE589882 JPA589882 JYW589882 KIS589882 KSO589882 LCK589882 LMG589882 LWC589882 MFY589882 MPU589882 MZQ589882 NJM589882 NTI589882 ODE589882 ONA589882 OWW589882 PGS589882 PQO589882 QAK589882 QKG589882 QUC589882 RDY589882 RNU589882 RXQ589882 SHM589882 SRI589882 TBE589882 TLA589882 TUW589882 UES589882 UOO589882 UYK589882 VIG589882 VSC589882 WBY589882 WLU589882 WVQ589882 I655418 JE655418 TA655418 ACW655418 AMS655418 AWO655418 BGK655418 BQG655418 CAC655418 CJY655418 CTU655418 DDQ655418 DNM655418 DXI655418 EHE655418 ERA655418 FAW655418 FKS655418 FUO655418 GEK655418 GOG655418 GYC655418 HHY655418 HRU655418 IBQ655418 ILM655418 IVI655418 JFE655418 JPA655418 JYW655418 KIS655418 KSO655418 LCK655418 LMG655418 LWC655418 MFY655418 MPU655418 MZQ655418 NJM655418 NTI655418 ODE655418 ONA655418 OWW655418 PGS655418 PQO655418 QAK655418 QKG655418 QUC655418 RDY655418 RNU655418 RXQ655418 SHM655418 SRI655418 TBE655418 TLA655418 TUW655418 UES655418 UOO655418 UYK655418 VIG655418 VSC655418 WBY655418 WLU655418 WVQ655418 I720954 JE720954 TA720954 ACW720954 AMS720954 AWO720954 BGK720954 BQG720954 CAC720954 CJY720954 CTU720954 DDQ720954 DNM720954 DXI720954 EHE720954 ERA720954 FAW720954 FKS720954 FUO720954 GEK720954 GOG720954 GYC720954 HHY720954 HRU720954 IBQ720954 ILM720954 IVI720954 JFE720954 JPA720954 JYW720954 KIS720954 KSO720954 LCK720954 LMG720954 LWC720954 MFY720954 MPU720954 MZQ720954 NJM720954 NTI720954 ODE720954 ONA720954 OWW720954 PGS720954 PQO720954 QAK720954 QKG720954 QUC720954 RDY720954 RNU720954 RXQ720954 SHM720954 SRI720954 TBE720954 TLA720954 TUW720954 UES720954 UOO720954 UYK720954 VIG720954 VSC720954 WBY720954 WLU720954 WVQ720954 I786490 JE786490 TA786490 ACW786490 AMS786490 AWO786490 BGK786490 BQG786490 CAC786490 CJY786490 CTU786490 DDQ786490 DNM786490 DXI786490 EHE786490 ERA786490 FAW786490 FKS786490 FUO786490 GEK786490 GOG786490 GYC786490 HHY786490 HRU786490 IBQ786490 ILM786490 IVI786490 JFE786490 JPA786490 JYW786490 KIS786490 KSO786490 LCK786490 LMG786490 LWC786490 MFY786490 MPU786490 MZQ786490 NJM786490 NTI786490 ODE786490 ONA786490 OWW786490 PGS786490 PQO786490 QAK786490 QKG786490 QUC786490 RDY786490 RNU786490 RXQ786490 SHM786490 SRI786490 TBE786490 TLA786490 TUW786490 UES786490 UOO786490 UYK786490 VIG786490 VSC786490 WBY786490 WLU786490 WVQ786490 I852026 JE852026 TA852026 ACW852026 AMS852026 AWO852026 BGK852026 BQG852026 CAC852026 CJY852026 CTU852026 DDQ852026 DNM852026 DXI852026 EHE852026 ERA852026 FAW852026 FKS852026 FUO852026 GEK852026 GOG852026 GYC852026 HHY852026 HRU852026 IBQ852026 ILM852026 IVI852026 JFE852026 JPA852026 JYW852026 KIS852026 KSO852026 LCK852026 LMG852026 LWC852026 MFY852026 MPU852026 MZQ852026 NJM852026 NTI852026 ODE852026 ONA852026 OWW852026 PGS852026 PQO852026 QAK852026 QKG852026 QUC852026 RDY852026 RNU852026 RXQ852026 SHM852026 SRI852026 TBE852026 TLA852026 TUW852026 UES852026 UOO852026 UYK852026 VIG852026 VSC852026 WBY852026 WLU852026 WVQ852026 I917562 JE917562 TA917562 ACW917562 AMS917562 AWO917562 BGK917562 BQG917562 CAC917562 CJY917562 CTU917562 DDQ917562 DNM917562 DXI917562 EHE917562 ERA917562 FAW917562 FKS917562 FUO917562 GEK917562 GOG917562 GYC917562 HHY917562 HRU917562 IBQ917562 ILM917562 IVI917562 JFE917562 JPA917562 JYW917562 KIS917562 KSO917562 LCK917562 LMG917562 LWC917562 MFY917562 MPU917562 MZQ917562 NJM917562 NTI917562 ODE917562 ONA917562 OWW917562 PGS917562 PQO917562 QAK917562 QKG917562 QUC917562 RDY917562 RNU917562 RXQ917562 SHM917562 SRI917562 TBE917562 TLA917562 TUW917562 UES917562 UOO917562 UYK917562 VIG917562 VSC917562 WBY917562 WLU917562 WVQ917562 I983098 JE983098 TA983098 ACW983098 AMS983098 AWO983098 BGK983098 BQG983098 CAC983098 CJY983098 CTU983098 DDQ983098 DNM983098 DXI983098 EHE983098 ERA983098 FAW983098 FKS983098 FUO983098 GEK983098 GOG983098 GYC983098 HHY983098 HRU983098 IBQ983098 ILM983098 IVI983098 JFE983098 JPA983098 JYW983098 KIS983098 KSO983098 LCK983098 LMG983098 LWC983098 MFY983098 MPU983098 MZQ983098 NJM983098 NTI983098 ODE983098 ONA983098 OWW983098 PGS983098 PQO983098 QAK983098 QKG983098 QUC983098 RDY983098 RNU983098 RXQ983098 SHM983098 SRI983098 TBE983098 TLA983098 TUW983098 UES983098 UOO983098 UYK983098 VIG983098 VSC983098 WBY983098 WLU983098 WVQ983098 A60 IW60 SS60 ACO60 AMK60 AWG60 BGC60 BPY60 BZU60 CJQ60 CTM60 DDI60 DNE60 DXA60 EGW60 EQS60 FAO60 FKK60 FUG60 GEC60 GNY60 GXU60 HHQ60 HRM60 IBI60 ILE60 IVA60 JEW60 JOS60 JYO60 KIK60 KSG60 LCC60 LLY60 LVU60 MFQ60 MPM60 MZI60 NJE60 NTA60 OCW60 OMS60 OWO60 PGK60 PQG60 QAC60 QJY60 QTU60 RDQ60 RNM60 RXI60 SHE60 SRA60 TAW60 TKS60 TUO60 UEK60 UOG60 UYC60 VHY60 VRU60 WBQ60 WLM60 WVI60 A65596 IW65596 SS65596 ACO65596 AMK65596 AWG65596 BGC65596 BPY65596 BZU65596 CJQ65596 CTM65596 DDI65596 DNE65596 DXA65596 EGW65596 EQS65596 FAO65596 FKK65596 FUG65596 GEC65596 GNY65596 GXU65596 HHQ65596 HRM65596 IBI65596 ILE65596 IVA65596 JEW65596 JOS65596 JYO65596 KIK65596 KSG65596 LCC65596 LLY65596 LVU65596 MFQ65596 MPM65596 MZI65596 NJE65596 NTA65596 OCW65596 OMS65596 OWO65596 PGK65596 PQG65596 QAC65596 QJY65596 QTU65596 RDQ65596 RNM65596 RXI65596 SHE65596 SRA65596 TAW65596 TKS65596 TUO65596 UEK65596 UOG65596 UYC65596 VHY65596 VRU65596 WBQ65596 WLM65596 WVI65596 A131132 IW131132 SS131132 ACO131132 AMK131132 AWG131132 BGC131132 BPY131132 BZU131132 CJQ131132 CTM131132 DDI131132 DNE131132 DXA131132 EGW131132 EQS131132 FAO131132 FKK131132 FUG131132 GEC131132 GNY131132 GXU131132 HHQ131132 HRM131132 IBI131132 ILE131132 IVA131132 JEW131132 JOS131132 JYO131132 KIK131132 KSG131132 LCC131132 LLY131132 LVU131132 MFQ131132 MPM131132 MZI131132 NJE131132 NTA131132 OCW131132 OMS131132 OWO131132 PGK131132 PQG131132 QAC131132 QJY131132 QTU131132 RDQ131132 RNM131132 RXI131132 SHE131132 SRA131132 TAW131132 TKS131132 TUO131132 UEK131132 UOG131132 UYC131132 VHY131132 VRU131132 WBQ131132 WLM131132 WVI131132 A196668 IW196668 SS196668 ACO196668 AMK196668 AWG196668 BGC196668 BPY196668 BZU196668 CJQ196668 CTM196668 DDI196668 DNE196668 DXA196668 EGW196668 EQS196668 FAO196668 FKK196668 FUG196668 GEC196668 GNY196668 GXU196668 HHQ196668 HRM196668 IBI196668 ILE196668 IVA196668 JEW196668 JOS196668 JYO196668 KIK196668 KSG196668 LCC196668 LLY196668 LVU196668 MFQ196668 MPM196668 MZI196668 NJE196668 NTA196668 OCW196668 OMS196668 OWO196668 PGK196668 PQG196668 QAC196668 QJY196668 QTU196668 RDQ196668 RNM196668 RXI196668 SHE196668 SRA196668 TAW196668 TKS196668 TUO196668 UEK196668 UOG196668 UYC196668 VHY196668 VRU196668 WBQ196668 WLM196668 WVI196668 A262204 IW262204 SS262204 ACO262204 AMK262204 AWG262204 BGC262204 BPY262204 BZU262204 CJQ262204 CTM262204 DDI262204 DNE262204 DXA262204 EGW262204 EQS262204 FAO262204 FKK262204 FUG262204 GEC262204 GNY262204 GXU262204 HHQ262204 HRM262204 IBI262204 ILE262204 IVA262204 JEW262204 JOS262204 JYO262204 KIK262204 KSG262204 LCC262204 LLY262204 LVU262204 MFQ262204 MPM262204 MZI262204 NJE262204 NTA262204 OCW262204 OMS262204 OWO262204 PGK262204 PQG262204 QAC262204 QJY262204 QTU262204 RDQ262204 RNM262204 RXI262204 SHE262204 SRA262204 TAW262204 TKS262204 TUO262204 UEK262204 UOG262204 UYC262204 VHY262204 VRU262204 WBQ262204 WLM262204 WVI262204 A327740 IW327740 SS327740 ACO327740 AMK327740 AWG327740 BGC327740 BPY327740 BZU327740 CJQ327740 CTM327740 DDI327740 DNE327740 DXA327740 EGW327740 EQS327740 FAO327740 FKK327740 FUG327740 GEC327740 GNY327740 GXU327740 HHQ327740 HRM327740 IBI327740 ILE327740 IVA327740 JEW327740 JOS327740 JYO327740 KIK327740 KSG327740 LCC327740 LLY327740 LVU327740 MFQ327740 MPM327740 MZI327740 NJE327740 NTA327740 OCW327740 OMS327740 OWO327740 PGK327740 PQG327740 QAC327740 QJY327740 QTU327740 RDQ327740 RNM327740 RXI327740 SHE327740 SRA327740 TAW327740 TKS327740 TUO327740 UEK327740 UOG327740 UYC327740 VHY327740 VRU327740 WBQ327740 WLM327740 WVI327740 A393276 IW393276 SS393276 ACO393276 AMK393276 AWG393276 BGC393276 BPY393276 BZU393276 CJQ393276 CTM393276 DDI393276 DNE393276 DXA393276 EGW393276 EQS393276 FAO393276 FKK393276 FUG393276 GEC393276 GNY393276 GXU393276 HHQ393276 HRM393276 IBI393276 ILE393276 IVA393276 JEW393276 JOS393276 JYO393276 KIK393276 KSG393276 LCC393276 LLY393276 LVU393276 MFQ393276 MPM393276 MZI393276 NJE393276 NTA393276 OCW393276 OMS393276 OWO393276 PGK393276 PQG393276 QAC393276 QJY393276 QTU393276 RDQ393276 RNM393276 RXI393276 SHE393276 SRA393276 TAW393276 TKS393276 TUO393276 UEK393276 UOG393276 UYC393276 VHY393276 VRU393276 WBQ393276 WLM393276 WVI393276 A458812 IW458812 SS458812 ACO458812 AMK458812 AWG458812 BGC458812 BPY458812 BZU458812 CJQ458812 CTM458812 DDI458812 DNE458812 DXA458812 EGW458812 EQS458812 FAO458812 FKK458812 FUG458812 GEC458812 GNY458812 GXU458812 HHQ458812 HRM458812 IBI458812 ILE458812 IVA458812 JEW458812 JOS458812 JYO458812 KIK458812 KSG458812 LCC458812 LLY458812 LVU458812 MFQ458812 MPM458812 MZI458812 NJE458812 NTA458812 OCW458812 OMS458812 OWO458812 PGK458812 PQG458812 QAC458812 QJY458812 QTU458812 RDQ458812 RNM458812 RXI458812 SHE458812 SRA458812 TAW458812 TKS458812 TUO458812 UEK458812 UOG458812 UYC458812 VHY458812 VRU458812 WBQ458812 WLM458812 WVI458812 A524348 IW524348 SS524348 ACO524348 AMK524348 AWG524348 BGC524348 BPY524348 BZU524348 CJQ524348 CTM524348 DDI524348 DNE524348 DXA524348 EGW524348 EQS524348 FAO524348 FKK524348 FUG524348 GEC524348 GNY524348 GXU524348 HHQ524348 HRM524348 IBI524348 ILE524348 IVA524348 JEW524348 JOS524348 JYO524348 KIK524348 KSG524348 LCC524348 LLY524348 LVU524348 MFQ524348 MPM524348 MZI524348 NJE524348 NTA524348 OCW524348 OMS524348 OWO524348 PGK524348 PQG524348 QAC524348 QJY524348 QTU524348 RDQ524348 RNM524348 RXI524348 SHE524348 SRA524348 TAW524348 TKS524348 TUO524348 UEK524348 UOG524348 UYC524348 VHY524348 VRU524348 WBQ524348 WLM524348 WVI524348 A589884 IW589884 SS589884 ACO589884 AMK589884 AWG589884 BGC589884 BPY589884 BZU589884 CJQ589884 CTM589884 DDI589884 DNE589884 DXA589884 EGW589884 EQS589884 FAO589884 FKK589884 FUG589884 GEC589884 GNY589884 GXU589884 HHQ589884 HRM589884 IBI589884 ILE589884 IVA589884 JEW589884 JOS589884 JYO589884 KIK589884 KSG589884 LCC589884 LLY589884 LVU589884 MFQ589884 MPM589884 MZI589884 NJE589884 NTA589884 OCW589884 OMS589884 OWO589884 PGK589884 PQG589884 QAC589884 QJY589884 QTU589884 RDQ589884 RNM589884 RXI589884 SHE589884 SRA589884 TAW589884 TKS589884 TUO589884 UEK589884 UOG589884 UYC589884 VHY589884 VRU589884 WBQ589884 WLM589884 WVI589884 A655420 IW655420 SS655420 ACO655420 AMK655420 AWG655420 BGC655420 BPY655420 BZU655420 CJQ655420 CTM655420 DDI655420 DNE655420 DXA655420 EGW655420 EQS655420 FAO655420 FKK655420 FUG655420 GEC655420 GNY655420 GXU655420 HHQ655420 HRM655420 IBI655420 ILE655420 IVA655420 JEW655420 JOS655420 JYO655420 KIK655420 KSG655420 LCC655420 LLY655420 LVU655420 MFQ655420 MPM655420 MZI655420 NJE655420 NTA655420 OCW655420 OMS655420 OWO655420 PGK655420 PQG655420 QAC655420 QJY655420 QTU655420 RDQ655420 RNM655420 RXI655420 SHE655420 SRA655420 TAW655420 TKS655420 TUO655420 UEK655420 UOG655420 UYC655420 VHY655420 VRU655420 WBQ655420 WLM655420 WVI655420 A720956 IW720956 SS720956 ACO720956 AMK720956 AWG720956 BGC720956 BPY720956 BZU720956 CJQ720956 CTM720956 DDI720956 DNE720956 DXA720956 EGW720956 EQS720956 FAO720956 FKK720956 FUG720956 GEC720956 GNY720956 GXU720956 HHQ720956 HRM720956 IBI720956 ILE720956 IVA720956 JEW720956 JOS720956 JYO720956 KIK720956 KSG720956 LCC720956 LLY720956 LVU720956 MFQ720956 MPM720956 MZI720956 NJE720956 NTA720956 OCW720956 OMS720956 OWO720956 PGK720956 PQG720956 QAC720956 QJY720956 QTU720956 RDQ720956 RNM720956 RXI720956 SHE720956 SRA720956 TAW720956 TKS720956 TUO720956 UEK720956 UOG720956 UYC720956 VHY720956 VRU720956 WBQ720956 WLM720956 WVI720956 A786492 IW786492 SS786492 ACO786492 AMK786492 AWG786492 BGC786492 BPY786492 BZU786492 CJQ786492 CTM786492 DDI786492 DNE786492 DXA786492 EGW786492 EQS786492 FAO786492 FKK786492 FUG786492 GEC786492 GNY786492 GXU786492 HHQ786492 HRM786492 IBI786492 ILE786492 IVA786492 JEW786492 JOS786492 JYO786492 KIK786492 KSG786492 LCC786492 LLY786492 LVU786492 MFQ786492 MPM786492 MZI786492 NJE786492 NTA786492 OCW786492 OMS786492 OWO786492 PGK786492 PQG786492 QAC786492 QJY786492 QTU786492 RDQ786492 RNM786492 RXI786492 SHE786492 SRA786492 TAW786492 TKS786492 TUO786492 UEK786492 UOG786492 UYC786492 VHY786492 VRU786492 WBQ786492 WLM786492 WVI786492 A852028 IW852028 SS852028 ACO852028 AMK852028 AWG852028 BGC852028 BPY852028 BZU852028 CJQ852028 CTM852028 DDI852028 DNE852028 DXA852028 EGW852028 EQS852028 FAO852028 FKK852028 FUG852028 GEC852028 GNY852028 GXU852028 HHQ852028 HRM852028 IBI852028 ILE852028 IVA852028 JEW852028 JOS852028 JYO852028 KIK852028 KSG852028 LCC852028 LLY852028 LVU852028 MFQ852028 MPM852028 MZI852028 NJE852028 NTA852028 OCW852028 OMS852028 OWO852028 PGK852028 PQG852028 QAC852028 QJY852028 QTU852028 RDQ852028 RNM852028 RXI852028 SHE852028 SRA852028 TAW852028 TKS852028 TUO852028 UEK852028 UOG852028 UYC852028 VHY852028 VRU852028 WBQ852028 WLM852028 WVI852028 A917564 IW917564 SS917564 ACO917564 AMK917564 AWG917564 BGC917564 BPY917564 BZU917564 CJQ917564 CTM917564 DDI917564 DNE917564 DXA917564 EGW917564 EQS917564 FAO917564 FKK917564 FUG917564 GEC917564 GNY917564 GXU917564 HHQ917564 HRM917564 IBI917564 ILE917564 IVA917564 JEW917564 JOS917564 JYO917564 KIK917564 KSG917564 LCC917564 LLY917564 LVU917564 MFQ917564 MPM917564 MZI917564 NJE917564 NTA917564 OCW917564 OMS917564 OWO917564 PGK917564 PQG917564 QAC917564 QJY917564 QTU917564 RDQ917564 RNM917564 RXI917564 SHE917564 SRA917564 TAW917564 TKS917564 TUO917564 UEK917564 UOG917564 UYC917564 VHY917564 VRU917564 WBQ917564 WLM917564 WVI917564 A983100 IW983100 SS983100 ACO983100 AMK983100 AWG983100 BGC983100 BPY983100 BZU983100 CJQ983100 CTM983100 DDI983100 DNE983100 DXA983100 EGW983100 EQS983100 FAO983100 FKK983100 FUG983100 GEC983100 GNY983100 GXU983100 HHQ983100 HRM983100 IBI983100 ILE983100 IVA983100 JEW983100 JOS983100 JYO983100 KIK983100 KSG983100 LCC983100 LLY983100 LVU983100 MFQ983100 MPM983100 MZI983100 NJE983100 NTA983100 OCW983100 OMS983100 OWO983100 PGK983100 PQG983100 QAC983100 QJY983100 QTU983100 RDQ983100 RNM983100 RXI983100 SHE983100 SRA983100 TAW983100 TKS983100 TUO983100 UEK983100 UOG983100 UYC983100 VHY983100 VRU983100 WBQ983100 WLM983100 WVI983100 I60 JE60 TA60 ACW60 AMS60 AWO60 BGK60 BQG60 CAC60 CJY60 CTU60 DDQ60 DNM60 DXI60 EHE60 ERA60 FAW60 FKS60 FUO60 GEK60 GOG60 GYC60 HHY60 HRU60 IBQ60 ILM60 IVI60 JFE60 JPA60 JYW60 KIS60 KSO60 LCK60 LMG60 LWC60 MFY60 MPU60 MZQ60 NJM60 NTI60 ODE60 ONA60 OWW60 PGS60 PQO60 QAK60 QKG60 QUC60 RDY60 RNU60 RXQ60 SHM60 SRI60 TBE60 TLA60 TUW60 UES60 UOO60 UYK60 VIG60 VSC60 WBY60 WLU60 WVQ60 I65596 JE65596 TA65596 ACW65596 AMS65596 AWO65596 BGK65596 BQG65596 CAC65596 CJY65596 CTU65596 DDQ65596 DNM65596 DXI65596 EHE65596 ERA65596 FAW65596 FKS65596 FUO65596 GEK65596 GOG65596 GYC65596 HHY65596 HRU65596 IBQ65596 ILM65596 IVI65596 JFE65596 JPA65596 JYW65596 KIS65596 KSO65596 LCK65596 LMG65596 LWC65596 MFY65596 MPU65596 MZQ65596 NJM65596 NTI65596 ODE65596 ONA65596 OWW65596 PGS65596 PQO65596 QAK65596 QKG65596 QUC65596 RDY65596 RNU65596 RXQ65596 SHM65596 SRI65596 TBE65596 TLA65596 TUW65596 UES65596 UOO65596 UYK65596 VIG65596 VSC65596 WBY65596 WLU65596 WVQ65596 I131132 JE131132 TA131132 ACW131132 AMS131132 AWO131132 BGK131132 BQG131132 CAC131132 CJY131132 CTU131132 DDQ131132 DNM131132 DXI131132 EHE131132 ERA131132 FAW131132 FKS131132 FUO131132 GEK131132 GOG131132 GYC131132 HHY131132 HRU131132 IBQ131132 ILM131132 IVI131132 JFE131132 JPA131132 JYW131132 KIS131132 KSO131132 LCK131132 LMG131132 LWC131132 MFY131132 MPU131132 MZQ131132 NJM131132 NTI131132 ODE131132 ONA131132 OWW131132 PGS131132 PQO131132 QAK131132 QKG131132 QUC131132 RDY131132 RNU131132 RXQ131132 SHM131132 SRI131132 TBE131132 TLA131132 TUW131132 UES131132 UOO131132 UYK131132 VIG131132 VSC131132 WBY131132 WLU131132 WVQ131132 I196668 JE196668 TA196668 ACW196668 AMS196668 AWO196668 BGK196668 BQG196668 CAC196668 CJY196668 CTU196668 DDQ196668 DNM196668 DXI196668 EHE196668 ERA196668 FAW196668 FKS196668 FUO196668 GEK196668 GOG196668 GYC196668 HHY196668 HRU196668 IBQ196668 ILM196668 IVI196668 JFE196668 JPA196668 JYW196668 KIS196668 KSO196668 LCK196668 LMG196668 LWC196668 MFY196668 MPU196668 MZQ196668 NJM196668 NTI196668 ODE196668 ONA196668 OWW196668 PGS196668 PQO196668 QAK196668 QKG196668 QUC196668 RDY196668 RNU196668 RXQ196668 SHM196668 SRI196668 TBE196668 TLA196668 TUW196668 UES196668 UOO196668 UYK196668 VIG196668 VSC196668 WBY196668 WLU196668 WVQ196668 I262204 JE262204 TA262204 ACW262204 AMS262204 AWO262204 BGK262204 BQG262204 CAC262204 CJY262204 CTU262204 DDQ262204 DNM262204 DXI262204 EHE262204 ERA262204 FAW262204 FKS262204 FUO262204 GEK262204 GOG262204 GYC262204 HHY262204 HRU262204 IBQ262204 ILM262204 IVI262204 JFE262204 JPA262204 JYW262204 KIS262204 KSO262204 LCK262204 LMG262204 LWC262204 MFY262204 MPU262204 MZQ262204 NJM262204 NTI262204 ODE262204 ONA262204 OWW262204 PGS262204 PQO262204 QAK262204 QKG262204 QUC262204 RDY262204 RNU262204 RXQ262204 SHM262204 SRI262204 TBE262204 TLA262204 TUW262204 UES262204 UOO262204 UYK262204 VIG262204 VSC262204 WBY262204 WLU262204 WVQ262204 I327740 JE327740 TA327740 ACW327740 AMS327740 AWO327740 BGK327740 BQG327740 CAC327740 CJY327740 CTU327740 DDQ327740 DNM327740 DXI327740 EHE327740 ERA327740 FAW327740 FKS327740 FUO327740 GEK327740 GOG327740 GYC327740 HHY327740 HRU327740 IBQ327740 ILM327740 IVI327740 JFE327740 JPA327740 JYW327740 KIS327740 KSO327740 LCK327740 LMG327740 LWC327740 MFY327740 MPU327740 MZQ327740 NJM327740 NTI327740 ODE327740 ONA327740 OWW327740 PGS327740 PQO327740 QAK327740 QKG327740 QUC327740 RDY327740 RNU327740 RXQ327740 SHM327740 SRI327740 TBE327740 TLA327740 TUW327740 UES327740 UOO327740 UYK327740 VIG327740 VSC327740 WBY327740 WLU327740 WVQ327740 I393276 JE393276 TA393276 ACW393276 AMS393276 AWO393276 BGK393276 BQG393276 CAC393276 CJY393276 CTU393276 DDQ393276 DNM393276 DXI393276 EHE393276 ERA393276 FAW393276 FKS393276 FUO393276 GEK393276 GOG393276 GYC393276 HHY393276 HRU393276 IBQ393276 ILM393276 IVI393276 JFE393276 JPA393276 JYW393276 KIS393276 KSO393276 LCK393276 LMG393276 LWC393276 MFY393276 MPU393276 MZQ393276 NJM393276 NTI393276 ODE393276 ONA393276 OWW393276 PGS393276 PQO393276 QAK393276 QKG393276 QUC393276 RDY393276 RNU393276 RXQ393276 SHM393276 SRI393276 TBE393276 TLA393276 TUW393276 UES393276 UOO393276 UYK393276 VIG393276 VSC393276 WBY393276 WLU393276 WVQ393276 I458812 JE458812 TA458812 ACW458812 AMS458812 AWO458812 BGK458812 BQG458812 CAC458812 CJY458812 CTU458812 DDQ458812 DNM458812 DXI458812 EHE458812 ERA458812 FAW458812 FKS458812 FUO458812 GEK458812 GOG458812 GYC458812 HHY458812 HRU458812 IBQ458812 ILM458812 IVI458812 JFE458812 JPA458812 JYW458812 KIS458812 KSO458812 LCK458812 LMG458812 LWC458812 MFY458812 MPU458812 MZQ458812 NJM458812 NTI458812 ODE458812 ONA458812 OWW458812 PGS458812 PQO458812 QAK458812 QKG458812 QUC458812 RDY458812 RNU458812 RXQ458812 SHM458812 SRI458812 TBE458812 TLA458812 TUW458812 UES458812 UOO458812 UYK458812 VIG458812 VSC458812 WBY458812 WLU458812 WVQ458812 I524348 JE524348 TA524348 ACW524348 AMS524348 AWO524348 BGK524348 BQG524348 CAC524348 CJY524348 CTU524348 DDQ524348 DNM524348 DXI524348 EHE524348 ERA524348 FAW524348 FKS524348 FUO524348 GEK524348 GOG524348 GYC524348 HHY524348 HRU524348 IBQ524348 ILM524348 IVI524348 JFE524348 JPA524348 JYW524348 KIS524348 KSO524348 LCK524348 LMG524348 LWC524348 MFY524348 MPU524348 MZQ524348 NJM524348 NTI524348 ODE524348 ONA524348 OWW524348 PGS524348 PQO524348 QAK524348 QKG524348 QUC524348 RDY524348 RNU524348 RXQ524348 SHM524348 SRI524348 TBE524348 TLA524348 TUW524348 UES524348 UOO524348 UYK524348 VIG524348 VSC524348 WBY524348 WLU524348 WVQ524348 I589884 JE589884 TA589884 ACW589884 AMS589884 AWO589884 BGK589884 BQG589884 CAC589884 CJY589884 CTU589884 DDQ589884 DNM589884 DXI589884 EHE589884 ERA589884 FAW589884 FKS589884 FUO589884 GEK589884 GOG589884 GYC589884 HHY589884 HRU589884 IBQ589884 ILM589884 IVI589884 JFE589884 JPA589884 JYW589884 KIS589884 KSO589884 LCK589884 LMG589884 LWC589884 MFY589884 MPU589884 MZQ589884 NJM589884 NTI589884 ODE589884 ONA589884 OWW589884 PGS589884 PQO589884 QAK589884 QKG589884 QUC589884 RDY589884 RNU589884 RXQ589884 SHM589884 SRI589884 TBE589884 TLA589884 TUW589884 UES589884 UOO589884 UYK589884 VIG589884 VSC589884 WBY589884 WLU589884 WVQ589884 I655420 JE655420 TA655420 ACW655420 AMS655420 AWO655420 BGK655420 BQG655420 CAC655420 CJY655420 CTU655420 DDQ655420 DNM655420 DXI655420 EHE655420 ERA655420 FAW655420 FKS655420 FUO655420 GEK655420 GOG655420 GYC655420 HHY655420 HRU655420 IBQ655420 ILM655420 IVI655420 JFE655420 JPA655420 JYW655420 KIS655420 KSO655420 LCK655420 LMG655420 LWC655420 MFY655420 MPU655420 MZQ655420 NJM655420 NTI655420 ODE655420 ONA655420 OWW655420 PGS655420 PQO655420 QAK655420 QKG655420 QUC655420 RDY655420 RNU655420 RXQ655420 SHM655420 SRI655420 TBE655420 TLA655420 TUW655420 UES655420 UOO655420 UYK655420 VIG655420 VSC655420 WBY655420 WLU655420 WVQ655420 I720956 JE720956 TA720956 ACW720956 AMS720956 AWO720956 BGK720956 BQG720956 CAC720956 CJY720956 CTU720956 DDQ720956 DNM720956 DXI720956 EHE720956 ERA720956 FAW720956 FKS720956 FUO720956 GEK720956 GOG720956 GYC720956 HHY720956 HRU720956 IBQ720956 ILM720956 IVI720956 JFE720956 JPA720956 JYW720956 KIS720956 KSO720956 LCK720956 LMG720956 LWC720956 MFY720956 MPU720956 MZQ720956 NJM720956 NTI720956 ODE720956 ONA720956 OWW720956 PGS720956 PQO720956 QAK720956 QKG720956 QUC720956 RDY720956 RNU720956 RXQ720956 SHM720956 SRI720956 TBE720956 TLA720956 TUW720956 UES720956 UOO720956 UYK720956 VIG720956 VSC720956 WBY720956 WLU720956 WVQ720956 I786492 JE786492 TA786492 ACW786492 AMS786492 AWO786492 BGK786492 BQG786492 CAC786492 CJY786492 CTU786492 DDQ786492 DNM786492 DXI786492 EHE786492 ERA786492 FAW786492 FKS786492 FUO786492 GEK786492 GOG786492 GYC786492 HHY786492 HRU786492 IBQ786492 ILM786492 IVI786492 JFE786492 JPA786492 JYW786492 KIS786492 KSO786492 LCK786492 LMG786492 LWC786492 MFY786492 MPU786492 MZQ786492 NJM786492 NTI786492 ODE786492 ONA786492 OWW786492 PGS786492 PQO786492 QAK786492 QKG786492 QUC786492 RDY786492 RNU786492 RXQ786492 SHM786492 SRI786492 TBE786492 TLA786492 TUW786492 UES786492 UOO786492 UYK786492 VIG786492 VSC786492 WBY786492 WLU786492 WVQ786492 I852028 JE852028 TA852028 ACW852028 AMS852028 AWO852028 BGK852028 BQG852028 CAC852028 CJY852028 CTU852028 DDQ852028 DNM852028 DXI852028 EHE852028 ERA852028 FAW852028 FKS852028 FUO852028 GEK852028 GOG852028 GYC852028 HHY852028 HRU852028 IBQ852028 ILM852028 IVI852028 JFE852028 JPA852028 JYW852028 KIS852028 KSO852028 LCK852028 LMG852028 LWC852028 MFY852028 MPU852028 MZQ852028 NJM852028 NTI852028 ODE852028 ONA852028 OWW852028 PGS852028 PQO852028 QAK852028 QKG852028 QUC852028 RDY852028 RNU852028 RXQ852028 SHM852028 SRI852028 TBE852028 TLA852028 TUW852028 UES852028 UOO852028 UYK852028 VIG852028 VSC852028 WBY852028 WLU852028 WVQ852028 I917564 JE917564 TA917564 ACW917564 AMS917564 AWO917564 BGK917564 BQG917564 CAC917564 CJY917564 CTU917564 DDQ917564 DNM917564 DXI917564 EHE917564 ERA917564 FAW917564 FKS917564 FUO917564 GEK917564 GOG917564 GYC917564 HHY917564 HRU917564 IBQ917564 ILM917564 IVI917564 JFE917564 JPA917564 JYW917564 KIS917564 KSO917564 LCK917564 LMG917564 LWC917564 MFY917564 MPU917564 MZQ917564 NJM917564 NTI917564 ODE917564 ONA917564 OWW917564 PGS917564 PQO917564 QAK917564 QKG917564 QUC917564 RDY917564 RNU917564 RXQ917564 SHM917564 SRI917564 TBE917564 TLA917564 TUW917564 UES917564 UOO917564 UYK917564 VIG917564 VSC917564 WBY917564 WLU917564 WVQ917564 I983100 JE983100 TA983100 ACW983100 AMS983100 AWO983100 BGK983100 BQG983100 CAC983100 CJY983100 CTU983100 DDQ983100 DNM983100 DXI983100 EHE983100 ERA983100 FAW983100 FKS983100 FUO983100 GEK983100 GOG983100 GYC983100 HHY983100 HRU983100 IBQ983100 ILM983100 IVI983100 JFE983100 JPA983100 JYW983100 KIS983100 KSO983100 LCK983100 LMG983100 LWC983100 MFY983100 MPU983100 MZQ983100 NJM983100 NTI983100 ODE983100 ONA983100 OWW983100 PGS983100 PQO983100 QAK983100 QKG983100 QUC983100 RDY983100 RNU983100 RXQ983100 SHM983100 SRI983100 TBE983100 TLA983100 TUW983100 UES983100 UOO983100 UYK983100 VIG983100 VSC983100 WBY983100 WLU983100 WVQ983100 I62:I76 JE62:JE76 TA62:TA76 ACW62:ACW76 AMS62:AMS76 AWO62:AWO76 BGK62:BGK76 BQG62:BQG76 CAC62:CAC76 CJY62:CJY76 CTU62:CTU76 DDQ62:DDQ76 DNM62:DNM76 DXI62:DXI76 EHE62:EHE76 ERA62:ERA76 FAW62:FAW76 FKS62:FKS76 FUO62:FUO76 GEK62:GEK76 GOG62:GOG76 GYC62:GYC76 HHY62:HHY76 HRU62:HRU76 IBQ62:IBQ76 ILM62:ILM76 IVI62:IVI76 JFE62:JFE76 JPA62:JPA76 JYW62:JYW76 KIS62:KIS76 KSO62:KSO76 LCK62:LCK76 LMG62:LMG76 LWC62:LWC76 MFY62:MFY76 MPU62:MPU76 MZQ62:MZQ76 NJM62:NJM76 NTI62:NTI76 ODE62:ODE76 ONA62:ONA76 OWW62:OWW76 PGS62:PGS76 PQO62:PQO76 QAK62:QAK76 QKG62:QKG76 QUC62:QUC76 RDY62:RDY76 RNU62:RNU76 RXQ62:RXQ76 SHM62:SHM76 SRI62:SRI76 TBE62:TBE76 TLA62:TLA76 TUW62:TUW76 UES62:UES76 UOO62:UOO76 UYK62:UYK76 VIG62:VIG76 VSC62:VSC76 WBY62:WBY76 WLU62:WLU76 WVQ62:WVQ76 I65598:I65612 JE65598:JE65612 TA65598:TA65612 ACW65598:ACW65612 AMS65598:AMS65612 AWO65598:AWO65612 BGK65598:BGK65612 BQG65598:BQG65612 CAC65598:CAC65612 CJY65598:CJY65612 CTU65598:CTU65612 DDQ65598:DDQ65612 DNM65598:DNM65612 DXI65598:DXI65612 EHE65598:EHE65612 ERA65598:ERA65612 FAW65598:FAW65612 FKS65598:FKS65612 FUO65598:FUO65612 GEK65598:GEK65612 GOG65598:GOG65612 GYC65598:GYC65612 HHY65598:HHY65612 HRU65598:HRU65612 IBQ65598:IBQ65612 ILM65598:ILM65612 IVI65598:IVI65612 JFE65598:JFE65612 JPA65598:JPA65612 JYW65598:JYW65612 KIS65598:KIS65612 KSO65598:KSO65612 LCK65598:LCK65612 LMG65598:LMG65612 LWC65598:LWC65612 MFY65598:MFY65612 MPU65598:MPU65612 MZQ65598:MZQ65612 NJM65598:NJM65612 NTI65598:NTI65612 ODE65598:ODE65612 ONA65598:ONA65612 OWW65598:OWW65612 PGS65598:PGS65612 PQO65598:PQO65612 QAK65598:QAK65612 QKG65598:QKG65612 QUC65598:QUC65612 RDY65598:RDY65612 RNU65598:RNU65612 RXQ65598:RXQ65612 SHM65598:SHM65612 SRI65598:SRI65612 TBE65598:TBE65612 TLA65598:TLA65612 TUW65598:TUW65612 UES65598:UES65612 UOO65598:UOO65612 UYK65598:UYK65612 VIG65598:VIG65612 VSC65598:VSC65612 WBY65598:WBY65612 WLU65598:WLU65612 WVQ65598:WVQ65612 I131134:I131148 JE131134:JE131148 TA131134:TA131148 ACW131134:ACW131148 AMS131134:AMS131148 AWO131134:AWO131148 BGK131134:BGK131148 BQG131134:BQG131148 CAC131134:CAC131148 CJY131134:CJY131148 CTU131134:CTU131148 DDQ131134:DDQ131148 DNM131134:DNM131148 DXI131134:DXI131148 EHE131134:EHE131148 ERA131134:ERA131148 FAW131134:FAW131148 FKS131134:FKS131148 FUO131134:FUO131148 GEK131134:GEK131148 GOG131134:GOG131148 GYC131134:GYC131148 HHY131134:HHY131148 HRU131134:HRU131148 IBQ131134:IBQ131148 ILM131134:ILM131148 IVI131134:IVI131148 JFE131134:JFE131148 JPA131134:JPA131148 JYW131134:JYW131148 KIS131134:KIS131148 KSO131134:KSO131148 LCK131134:LCK131148 LMG131134:LMG131148 LWC131134:LWC131148 MFY131134:MFY131148 MPU131134:MPU131148 MZQ131134:MZQ131148 NJM131134:NJM131148 NTI131134:NTI131148 ODE131134:ODE131148 ONA131134:ONA131148 OWW131134:OWW131148 PGS131134:PGS131148 PQO131134:PQO131148 QAK131134:QAK131148 QKG131134:QKG131148 QUC131134:QUC131148 RDY131134:RDY131148 RNU131134:RNU131148 RXQ131134:RXQ131148 SHM131134:SHM131148 SRI131134:SRI131148 TBE131134:TBE131148 TLA131134:TLA131148 TUW131134:TUW131148 UES131134:UES131148 UOO131134:UOO131148 UYK131134:UYK131148 VIG131134:VIG131148 VSC131134:VSC131148 WBY131134:WBY131148 WLU131134:WLU131148 WVQ131134:WVQ131148 I196670:I196684 JE196670:JE196684 TA196670:TA196684 ACW196670:ACW196684 AMS196670:AMS196684 AWO196670:AWO196684 BGK196670:BGK196684 BQG196670:BQG196684 CAC196670:CAC196684 CJY196670:CJY196684 CTU196670:CTU196684 DDQ196670:DDQ196684 DNM196670:DNM196684 DXI196670:DXI196684 EHE196670:EHE196684 ERA196670:ERA196684 FAW196670:FAW196684 FKS196670:FKS196684 FUO196670:FUO196684 GEK196670:GEK196684 GOG196670:GOG196684 GYC196670:GYC196684 HHY196670:HHY196684 HRU196670:HRU196684 IBQ196670:IBQ196684 ILM196670:ILM196684 IVI196670:IVI196684 JFE196670:JFE196684 JPA196670:JPA196684 JYW196670:JYW196684 KIS196670:KIS196684 KSO196670:KSO196684 LCK196670:LCK196684 LMG196670:LMG196684 LWC196670:LWC196684 MFY196670:MFY196684 MPU196670:MPU196684 MZQ196670:MZQ196684 NJM196670:NJM196684 NTI196670:NTI196684 ODE196670:ODE196684 ONA196670:ONA196684 OWW196670:OWW196684 PGS196670:PGS196684 PQO196670:PQO196684 QAK196670:QAK196684 QKG196670:QKG196684 QUC196670:QUC196684 RDY196670:RDY196684 RNU196670:RNU196684 RXQ196670:RXQ196684 SHM196670:SHM196684 SRI196670:SRI196684 TBE196670:TBE196684 TLA196670:TLA196684 TUW196670:TUW196684 UES196670:UES196684 UOO196670:UOO196684 UYK196670:UYK196684 VIG196670:VIG196684 VSC196670:VSC196684 WBY196670:WBY196684 WLU196670:WLU196684 WVQ196670:WVQ196684 I262206:I262220 JE262206:JE262220 TA262206:TA262220 ACW262206:ACW262220 AMS262206:AMS262220 AWO262206:AWO262220 BGK262206:BGK262220 BQG262206:BQG262220 CAC262206:CAC262220 CJY262206:CJY262220 CTU262206:CTU262220 DDQ262206:DDQ262220 DNM262206:DNM262220 DXI262206:DXI262220 EHE262206:EHE262220 ERA262206:ERA262220 FAW262206:FAW262220 FKS262206:FKS262220 FUO262206:FUO262220 GEK262206:GEK262220 GOG262206:GOG262220 GYC262206:GYC262220 HHY262206:HHY262220 HRU262206:HRU262220 IBQ262206:IBQ262220 ILM262206:ILM262220 IVI262206:IVI262220 JFE262206:JFE262220 JPA262206:JPA262220 JYW262206:JYW262220 KIS262206:KIS262220 KSO262206:KSO262220 LCK262206:LCK262220 LMG262206:LMG262220 LWC262206:LWC262220 MFY262206:MFY262220 MPU262206:MPU262220 MZQ262206:MZQ262220 NJM262206:NJM262220 NTI262206:NTI262220 ODE262206:ODE262220 ONA262206:ONA262220 OWW262206:OWW262220 PGS262206:PGS262220 PQO262206:PQO262220 QAK262206:QAK262220 QKG262206:QKG262220 QUC262206:QUC262220 RDY262206:RDY262220 RNU262206:RNU262220 RXQ262206:RXQ262220 SHM262206:SHM262220 SRI262206:SRI262220 TBE262206:TBE262220 TLA262206:TLA262220 TUW262206:TUW262220 UES262206:UES262220 UOO262206:UOO262220 UYK262206:UYK262220 VIG262206:VIG262220 VSC262206:VSC262220 WBY262206:WBY262220 WLU262206:WLU262220 WVQ262206:WVQ262220 I327742:I327756 JE327742:JE327756 TA327742:TA327756 ACW327742:ACW327756 AMS327742:AMS327756 AWO327742:AWO327756 BGK327742:BGK327756 BQG327742:BQG327756 CAC327742:CAC327756 CJY327742:CJY327756 CTU327742:CTU327756 DDQ327742:DDQ327756 DNM327742:DNM327756 DXI327742:DXI327756 EHE327742:EHE327756 ERA327742:ERA327756 FAW327742:FAW327756 FKS327742:FKS327756 FUO327742:FUO327756 GEK327742:GEK327756 GOG327742:GOG327756 GYC327742:GYC327756 HHY327742:HHY327756 HRU327742:HRU327756 IBQ327742:IBQ327756 ILM327742:ILM327756 IVI327742:IVI327756 JFE327742:JFE327756 JPA327742:JPA327756 JYW327742:JYW327756 KIS327742:KIS327756 KSO327742:KSO327756 LCK327742:LCK327756 LMG327742:LMG327756 LWC327742:LWC327756 MFY327742:MFY327756 MPU327742:MPU327756 MZQ327742:MZQ327756 NJM327742:NJM327756 NTI327742:NTI327756 ODE327742:ODE327756 ONA327742:ONA327756 OWW327742:OWW327756 PGS327742:PGS327756 PQO327742:PQO327756 QAK327742:QAK327756 QKG327742:QKG327756 QUC327742:QUC327756 RDY327742:RDY327756 RNU327742:RNU327756 RXQ327742:RXQ327756 SHM327742:SHM327756 SRI327742:SRI327756 TBE327742:TBE327756 TLA327742:TLA327756 TUW327742:TUW327756 UES327742:UES327756 UOO327742:UOO327756 UYK327742:UYK327756 VIG327742:VIG327756 VSC327742:VSC327756 WBY327742:WBY327756 WLU327742:WLU327756 WVQ327742:WVQ327756 I393278:I393292 JE393278:JE393292 TA393278:TA393292 ACW393278:ACW393292 AMS393278:AMS393292 AWO393278:AWO393292 BGK393278:BGK393292 BQG393278:BQG393292 CAC393278:CAC393292 CJY393278:CJY393292 CTU393278:CTU393292 DDQ393278:DDQ393292 DNM393278:DNM393292 DXI393278:DXI393292 EHE393278:EHE393292 ERA393278:ERA393292 FAW393278:FAW393292 FKS393278:FKS393292 FUO393278:FUO393292 GEK393278:GEK393292 GOG393278:GOG393292 GYC393278:GYC393292 HHY393278:HHY393292 HRU393278:HRU393292 IBQ393278:IBQ393292 ILM393278:ILM393292 IVI393278:IVI393292 JFE393278:JFE393292 JPA393278:JPA393292 JYW393278:JYW393292 KIS393278:KIS393292 KSO393278:KSO393292 LCK393278:LCK393292 LMG393278:LMG393292 LWC393278:LWC393292 MFY393278:MFY393292 MPU393278:MPU393292 MZQ393278:MZQ393292 NJM393278:NJM393292 NTI393278:NTI393292 ODE393278:ODE393292 ONA393278:ONA393292 OWW393278:OWW393292 PGS393278:PGS393292 PQO393278:PQO393292 QAK393278:QAK393292 QKG393278:QKG393292 QUC393278:QUC393292 RDY393278:RDY393292 RNU393278:RNU393292 RXQ393278:RXQ393292 SHM393278:SHM393292 SRI393278:SRI393292 TBE393278:TBE393292 TLA393278:TLA393292 TUW393278:TUW393292 UES393278:UES393292 UOO393278:UOO393292 UYK393278:UYK393292 VIG393278:VIG393292 VSC393278:VSC393292 WBY393278:WBY393292 WLU393278:WLU393292 WVQ393278:WVQ393292 I458814:I458828 JE458814:JE458828 TA458814:TA458828 ACW458814:ACW458828 AMS458814:AMS458828 AWO458814:AWO458828 BGK458814:BGK458828 BQG458814:BQG458828 CAC458814:CAC458828 CJY458814:CJY458828 CTU458814:CTU458828 DDQ458814:DDQ458828 DNM458814:DNM458828 DXI458814:DXI458828 EHE458814:EHE458828 ERA458814:ERA458828 FAW458814:FAW458828 FKS458814:FKS458828 FUO458814:FUO458828 GEK458814:GEK458828 GOG458814:GOG458828 GYC458814:GYC458828 HHY458814:HHY458828 HRU458814:HRU458828 IBQ458814:IBQ458828 ILM458814:ILM458828 IVI458814:IVI458828 JFE458814:JFE458828 JPA458814:JPA458828 JYW458814:JYW458828 KIS458814:KIS458828 KSO458814:KSO458828 LCK458814:LCK458828 LMG458814:LMG458828 LWC458814:LWC458828 MFY458814:MFY458828 MPU458814:MPU458828 MZQ458814:MZQ458828 NJM458814:NJM458828 NTI458814:NTI458828 ODE458814:ODE458828 ONA458814:ONA458828 OWW458814:OWW458828 PGS458814:PGS458828 PQO458814:PQO458828 QAK458814:QAK458828 QKG458814:QKG458828 QUC458814:QUC458828 RDY458814:RDY458828 RNU458814:RNU458828 RXQ458814:RXQ458828 SHM458814:SHM458828 SRI458814:SRI458828 TBE458814:TBE458828 TLA458814:TLA458828 TUW458814:TUW458828 UES458814:UES458828 UOO458814:UOO458828 UYK458814:UYK458828 VIG458814:VIG458828 VSC458814:VSC458828 WBY458814:WBY458828 WLU458814:WLU458828 WVQ458814:WVQ458828 I524350:I524364 JE524350:JE524364 TA524350:TA524364 ACW524350:ACW524364 AMS524350:AMS524364 AWO524350:AWO524364 BGK524350:BGK524364 BQG524350:BQG524364 CAC524350:CAC524364 CJY524350:CJY524364 CTU524350:CTU524364 DDQ524350:DDQ524364 DNM524350:DNM524364 DXI524350:DXI524364 EHE524350:EHE524364 ERA524350:ERA524364 FAW524350:FAW524364 FKS524350:FKS524364 FUO524350:FUO524364 GEK524350:GEK524364 GOG524350:GOG524364 GYC524350:GYC524364 HHY524350:HHY524364 HRU524350:HRU524364 IBQ524350:IBQ524364 ILM524350:ILM524364 IVI524350:IVI524364 JFE524350:JFE524364 JPA524350:JPA524364 JYW524350:JYW524364 KIS524350:KIS524364 KSO524350:KSO524364 LCK524350:LCK524364 LMG524350:LMG524364 LWC524350:LWC524364 MFY524350:MFY524364 MPU524350:MPU524364 MZQ524350:MZQ524364 NJM524350:NJM524364 NTI524350:NTI524364 ODE524350:ODE524364 ONA524350:ONA524364 OWW524350:OWW524364 PGS524350:PGS524364 PQO524350:PQO524364 QAK524350:QAK524364 QKG524350:QKG524364 QUC524350:QUC524364 RDY524350:RDY524364 RNU524350:RNU524364 RXQ524350:RXQ524364 SHM524350:SHM524364 SRI524350:SRI524364 TBE524350:TBE524364 TLA524350:TLA524364 TUW524350:TUW524364 UES524350:UES524364 UOO524350:UOO524364 UYK524350:UYK524364 VIG524350:VIG524364 VSC524350:VSC524364 WBY524350:WBY524364 WLU524350:WLU524364 WVQ524350:WVQ524364 I589886:I589900 JE589886:JE589900 TA589886:TA589900 ACW589886:ACW589900 AMS589886:AMS589900 AWO589886:AWO589900 BGK589886:BGK589900 BQG589886:BQG589900 CAC589886:CAC589900 CJY589886:CJY589900 CTU589886:CTU589900 DDQ589886:DDQ589900 DNM589886:DNM589900 DXI589886:DXI589900 EHE589886:EHE589900 ERA589886:ERA589900 FAW589886:FAW589900 FKS589886:FKS589900 FUO589886:FUO589900 GEK589886:GEK589900 GOG589886:GOG589900 GYC589886:GYC589900 HHY589886:HHY589900 HRU589886:HRU589900 IBQ589886:IBQ589900 ILM589886:ILM589900 IVI589886:IVI589900 JFE589886:JFE589900 JPA589886:JPA589900 JYW589886:JYW589900 KIS589886:KIS589900 KSO589886:KSO589900 LCK589886:LCK589900 LMG589886:LMG589900 LWC589886:LWC589900 MFY589886:MFY589900 MPU589886:MPU589900 MZQ589886:MZQ589900 NJM589886:NJM589900 NTI589886:NTI589900 ODE589886:ODE589900 ONA589886:ONA589900 OWW589886:OWW589900 PGS589886:PGS589900 PQO589886:PQO589900 QAK589886:QAK589900 QKG589886:QKG589900 QUC589886:QUC589900 RDY589886:RDY589900 RNU589886:RNU589900 RXQ589886:RXQ589900 SHM589886:SHM589900 SRI589886:SRI589900 TBE589886:TBE589900 TLA589886:TLA589900 TUW589886:TUW589900 UES589886:UES589900 UOO589886:UOO589900 UYK589886:UYK589900 VIG589886:VIG589900 VSC589886:VSC589900 WBY589886:WBY589900 WLU589886:WLU589900 WVQ589886:WVQ589900 I655422:I655436 JE655422:JE655436 TA655422:TA655436 ACW655422:ACW655436 AMS655422:AMS655436 AWO655422:AWO655436 BGK655422:BGK655436 BQG655422:BQG655436 CAC655422:CAC655436 CJY655422:CJY655436 CTU655422:CTU655436 DDQ655422:DDQ655436 DNM655422:DNM655436 DXI655422:DXI655436 EHE655422:EHE655436 ERA655422:ERA655436 FAW655422:FAW655436 FKS655422:FKS655436 FUO655422:FUO655436 GEK655422:GEK655436 GOG655422:GOG655436 GYC655422:GYC655436 HHY655422:HHY655436 HRU655422:HRU655436 IBQ655422:IBQ655436 ILM655422:ILM655436 IVI655422:IVI655436 JFE655422:JFE655436 JPA655422:JPA655436 JYW655422:JYW655436 KIS655422:KIS655436 KSO655422:KSO655436 LCK655422:LCK655436 LMG655422:LMG655436 LWC655422:LWC655436 MFY655422:MFY655436 MPU655422:MPU655436 MZQ655422:MZQ655436 NJM655422:NJM655436 NTI655422:NTI655436 ODE655422:ODE655436 ONA655422:ONA655436 OWW655422:OWW655436 PGS655422:PGS655436 PQO655422:PQO655436 QAK655422:QAK655436 QKG655422:QKG655436 QUC655422:QUC655436 RDY655422:RDY655436 RNU655422:RNU655436 RXQ655422:RXQ655436 SHM655422:SHM655436 SRI655422:SRI655436 TBE655422:TBE655436 TLA655422:TLA655436 TUW655422:TUW655436 UES655422:UES655436 UOO655422:UOO655436 UYK655422:UYK655436 VIG655422:VIG655436 VSC655422:VSC655436 WBY655422:WBY655436 WLU655422:WLU655436 WVQ655422:WVQ655436 I720958:I720972 JE720958:JE720972 TA720958:TA720972 ACW720958:ACW720972 AMS720958:AMS720972 AWO720958:AWO720972 BGK720958:BGK720972 BQG720958:BQG720972 CAC720958:CAC720972 CJY720958:CJY720972 CTU720958:CTU720972 DDQ720958:DDQ720972 DNM720958:DNM720972 DXI720958:DXI720972 EHE720958:EHE720972 ERA720958:ERA720972 FAW720958:FAW720972 FKS720958:FKS720972 FUO720958:FUO720972 GEK720958:GEK720972 GOG720958:GOG720972 GYC720958:GYC720972 HHY720958:HHY720972 HRU720958:HRU720972 IBQ720958:IBQ720972 ILM720958:ILM720972 IVI720958:IVI720972 JFE720958:JFE720972 JPA720958:JPA720972 JYW720958:JYW720972 KIS720958:KIS720972 KSO720958:KSO720972 LCK720958:LCK720972 LMG720958:LMG720972 LWC720958:LWC720972 MFY720958:MFY720972 MPU720958:MPU720972 MZQ720958:MZQ720972 NJM720958:NJM720972 NTI720958:NTI720972 ODE720958:ODE720972 ONA720958:ONA720972 OWW720958:OWW720972 PGS720958:PGS720972 PQO720958:PQO720972 QAK720958:QAK720972 QKG720958:QKG720972 QUC720958:QUC720972 RDY720958:RDY720972 RNU720958:RNU720972 RXQ720958:RXQ720972 SHM720958:SHM720972 SRI720958:SRI720972 TBE720958:TBE720972 TLA720958:TLA720972 TUW720958:TUW720972 UES720958:UES720972 UOO720958:UOO720972 UYK720958:UYK720972 VIG720958:VIG720972 VSC720958:VSC720972 WBY720958:WBY720972 WLU720958:WLU720972 WVQ720958:WVQ720972 I786494:I786508 JE786494:JE786508 TA786494:TA786508 ACW786494:ACW786508 AMS786494:AMS786508 AWO786494:AWO786508 BGK786494:BGK786508 BQG786494:BQG786508 CAC786494:CAC786508 CJY786494:CJY786508 CTU786494:CTU786508 DDQ786494:DDQ786508 DNM786494:DNM786508 DXI786494:DXI786508 EHE786494:EHE786508 ERA786494:ERA786508 FAW786494:FAW786508 FKS786494:FKS786508 FUO786494:FUO786508 GEK786494:GEK786508 GOG786494:GOG786508 GYC786494:GYC786508 HHY786494:HHY786508 HRU786494:HRU786508 IBQ786494:IBQ786508 ILM786494:ILM786508 IVI786494:IVI786508 JFE786494:JFE786508 JPA786494:JPA786508 JYW786494:JYW786508 KIS786494:KIS786508 KSO786494:KSO786508 LCK786494:LCK786508 LMG786494:LMG786508 LWC786494:LWC786508 MFY786494:MFY786508 MPU786494:MPU786508 MZQ786494:MZQ786508 NJM786494:NJM786508 NTI786494:NTI786508 ODE786494:ODE786508 ONA786494:ONA786508 OWW786494:OWW786508 PGS786494:PGS786508 PQO786494:PQO786508 QAK786494:QAK786508 QKG786494:QKG786508 QUC786494:QUC786508 RDY786494:RDY786508 RNU786494:RNU786508 RXQ786494:RXQ786508 SHM786494:SHM786508 SRI786494:SRI786508 TBE786494:TBE786508 TLA786494:TLA786508 TUW786494:TUW786508 UES786494:UES786508 UOO786494:UOO786508 UYK786494:UYK786508 VIG786494:VIG786508 VSC786494:VSC786508 WBY786494:WBY786508 WLU786494:WLU786508 WVQ786494:WVQ786508 I852030:I852044 JE852030:JE852044 TA852030:TA852044 ACW852030:ACW852044 AMS852030:AMS852044 AWO852030:AWO852044 BGK852030:BGK852044 BQG852030:BQG852044 CAC852030:CAC852044 CJY852030:CJY852044 CTU852030:CTU852044 DDQ852030:DDQ852044 DNM852030:DNM852044 DXI852030:DXI852044 EHE852030:EHE852044 ERA852030:ERA852044 FAW852030:FAW852044 FKS852030:FKS852044 FUO852030:FUO852044 GEK852030:GEK852044 GOG852030:GOG852044 GYC852030:GYC852044 HHY852030:HHY852044 HRU852030:HRU852044 IBQ852030:IBQ852044 ILM852030:ILM852044 IVI852030:IVI852044 JFE852030:JFE852044 JPA852030:JPA852044 JYW852030:JYW852044 KIS852030:KIS852044 KSO852030:KSO852044 LCK852030:LCK852044 LMG852030:LMG852044 LWC852030:LWC852044 MFY852030:MFY852044 MPU852030:MPU852044 MZQ852030:MZQ852044 NJM852030:NJM852044 NTI852030:NTI852044 ODE852030:ODE852044 ONA852030:ONA852044 OWW852030:OWW852044 PGS852030:PGS852044 PQO852030:PQO852044 QAK852030:QAK852044 QKG852030:QKG852044 QUC852030:QUC852044 RDY852030:RDY852044 RNU852030:RNU852044 RXQ852030:RXQ852044 SHM852030:SHM852044 SRI852030:SRI852044 TBE852030:TBE852044 TLA852030:TLA852044 TUW852030:TUW852044 UES852030:UES852044 UOO852030:UOO852044 UYK852030:UYK852044 VIG852030:VIG852044 VSC852030:VSC852044 WBY852030:WBY852044 WLU852030:WLU852044 WVQ852030:WVQ852044 I917566:I917580 JE917566:JE917580 TA917566:TA917580 ACW917566:ACW917580 AMS917566:AMS917580 AWO917566:AWO917580 BGK917566:BGK917580 BQG917566:BQG917580 CAC917566:CAC917580 CJY917566:CJY917580 CTU917566:CTU917580 DDQ917566:DDQ917580 DNM917566:DNM917580 DXI917566:DXI917580 EHE917566:EHE917580 ERA917566:ERA917580 FAW917566:FAW917580 FKS917566:FKS917580 FUO917566:FUO917580 GEK917566:GEK917580 GOG917566:GOG917580 GYC917566:GYC917580 HHY917566:HHY917580 HRU917566:HRU917580 IBQ917566:IBQ917580 ILM917566:ILM917580 IVI917566:IVI917580 JFE917566:JFE917580 JPA917566:JPA917580 JYW917566:JYW917580 KIS917566:KIS917580 KSO917566:KSO917580 LCK917566:LCK917580 LMG917566:LMG917580 LWC917566:LWC917580 MFY917566:MFY917580 MPU917566:MPU917580 MZQ917566:MZQ917580 NJM917566:NJM917580 NTI917566:NTI917580 ODE917566:ODE917580 ONA917566:ONA917580 OWW917566:OWW917580 PGS917566:PGS917580 PQO917566:PQO917580 QAK917566:QAK917580 QKG917566:QKG917580 QUC917566:QUC917580 RDY917566:RDY917580 RNU917566:RNU917580 RXQ917566:RXQ917580 SHM917566:SHM917580 SRI917566:SRI917580 TBE917566:TBE917580 TLA917566:TLA917580 TUW917566:TUW917580 UES917566:UES917580 UOO917566:UOO917580 UYK917566:UYK917580 VIG917566:VIG917580 VSC917566:VSC917580 WBY917566:WBY917580 WLU917566:WLU917580 WVQ917566:WVQ917580 I983102:I983116 JE983102:JE983116 TA983102:TA983116 ACW983102:ACW983116 AMS983102:AMS983116 AWO983102:AWO983116 BGK983102:BGK983116 BQG983102:BQG983116 CAC983102:CAC983116 CJY983102:CJY983116 CTU983102:CTU983116 DDQ983102:DDQ983116 DNM983102:DNM983116 DXI983102:DXI983116 EHE983102:EHE983116 ERA983102:ERA983116 FAW983102:FAW983116 FKS983102:FKS983116 FUO983102:FUO983116 GEK983102:GEK983116 GOG983102:GOG983116 GYC983102:GYC983116 HHY983102:HHY983116 HRU983102:HRU983116 IBQ983102:IBQ983116 ILM983102:ILM983116 IVI983102:IVI983116 JFE983102:JFE983116 JPA983102:JPA983116 JYW983102:JYW983116 KIS983102:KIS983116 KSO983102:KSO983116 LCK983102:LCK983116 LMG983102:LMG983116 LWC983102:LWC983116 MFY983102:MFY983116 MPU983102:MPU983116 MZQ983102:MZQ983116 NJM983102:NJM983116 NTI983102:NTI983116 ODE983102:ODE983116 ONA983102:ONA983116 OWW983102:OWW983116 PGS983102:PGS983116 PQO983102:PQO983116 QAK983102:QAK983116 QKG983102:QKG983116 QUC983102:QUC983116 RDY983102:RDY983116 RNU983102:RNU983116 RXQ983102:RXQ983116 SHM983102:SHM983116 SRI983102:SRI983116 TBE983102:TBE983116 TLA983102:TLA983116 TUW983102:TUW983116 UES983102:UES983116 UOO983102:UOO983116 UYK983102:UYK983116 VIG983102:VIG983116 VSC983102:VSC983116 WBY983102:WBY983116 WLU983102:WLU983116 WVQ983102:WVQ983116 L62 JH62 TD62 ACZ62 AMV62 AWR62 BGN62 BQJ62 CAF62 CKB62 CTX62 DDT62 DNP62 DXL62 EHH62 ERD62 FAZ62 FKV62 FUR62 GEN62 GOJ62 GYF62 HIB62 HRX62 IBT62 ILP62 IVL62 JFH62 JPD62 JYZ62 KIV62 KSR62 LCN62 LMJ62 LWF62 MGB62 MPX62 MZT62 NJP62 NTL62 ODH62 OND62 OWZ62 PGV62 PQR62 QAN62 QKJ62 QUF62 REB62 RNX62 RXT62 SHP62 SRL62 TBH62 TLD62 TUZ62 UEV62 UOR62 UYN62 VIJ62 VSF62 WCB62 WLX62 WVT62 L65598 JH65598 TD65598 ACZ65598 AMV65598 AWR65598 BGN65598 BQJ65598 CAF65598 CKB65598 CTX65598 DDT65598 DNP65598 DXL65598 EHH65598 ERD65598 FAZ65598 FKV65598 FUR65598 GEN65598 GOJ65598 GYF65598 HIB65598 HRX65598 IBT65598 ILP65598 IVL65598 JFH65598 JPD65598 JYZ65598 KIV65598 KSR65598 LCN65598 LMJ65598 LWF65598 MGB65598 MPX65598 MZT65598 NJP65598 NTL65598 ODH65598 OND65598 OWZ65598 PGV65598 PQR65598 QAN65598 QKJ65598 QUF65598 REB65598 RNX65598 RXT65598 SHP65598 SRL65598 TBH65598 TLD65598 TUZ65598 UEV65598 UOR65598 UYN65598 VIJ65598 VSF65598 WCB65598 WLX65598 WVT65598 L131134 JH131134 TD131134 ACZ131134 AMV131134 AWR131134 BGN131134 BQJ131134 CAF131134 CKB131134 CTX131134 DDT131134 DNP131134 DXL131134 EHH131134 ERD131134 FAZ131134 FKV131134 FUR131134 GEN131134 GOJ131134 GYF131134 HIB131134 HRX131134 IBT131134 ILP131134 IVL131134 JFH131134 JPD131134 JYZ131134 KIV131134 KSR131134 LCN131134 LMJ131134 LWF131134 MGB131134 MPX131134 MZT131134 NJP131134 NTL131134 ODH131134 OND131134 OWZ131134 PGV131134 PQR131134 QAN131134 QKJ131134 QUF131134 REB131134 RNX131134 RXT131134 SHP131134 SRL131134 TBH131134 TLD131134 TUZ131134 UEV131134 UOR131134 UYN131134 VIJ131134 VSF131134 WCB131134 WLX131134 WVT131134 L196670 JH196670 TD196670 ACZ196670 AMV196670 AWR196670 BGN196670 BQJ196670 CAF196670 CKB196670 CTX196670 DDT196670 DNP196670 DXL196670 EHH196670 ERD196670 FAZ196670 FKV196670 FUR196670 GEN196670 GOJ196670 GYF196670 HIB196670 HRX196670 IBT196670 ILP196670 IVL196670 JFH196670 JPD196670 JYZ196670 KIV196670 KSR196670 LCN196670 LMJ196670 LWF196670 MGB196670 MPX196670 MZT196670 NJP196670 NTL196670 ODH196670 OND196670 OWZ196670 PGV196670 PQR196670 QAN196670 QKJ196670 QUF196670 REB196670 RNX196670 RXT196670 SHP196670 SRL196670 TBH196670 TLD196670 TUZ196670 UEV196670 UOR196670 UYN196670 VIJ196670 VSF196670 WCB196670 WLX196670 WVT196670 L262206 JH262206 TD262206 ACZ262206 AMV262206 AWR262206 BGN262206 BQJ262206 CAF262206 CKB262206 CTX262206 DDT262206 DNP262206 DXL262206 EHH262206 ERD262206 FAZ262206 FKV262206 FUR262206 GEN262206 GOJ262206 GYF262206 HIB262206 HRX262206 IBT262206 ILP262206 IVL262206 JFH262206 JPD262206 JYZ262206 KIV262206 KSR262206 LCN262206 LMJ262206 LWF262206 MGB262206 MPX262206 MZT262206 NJP262206 NTL262206 ODH262206 OND262206 OWZ262206 PGV262206 PQR262206 QAN262206 QKJ262206 QUF262206 REB262206 RNX262206 RXT262206 SHP262206 SRL262206 TBH262206 TLD262206 TUZ262206 UEV262206 UOR262206 UYN262206 VIJ262206 VSF262206 WCB262206 WLX262206 WVT262206 L327742 JH327742 TD327742 ACZ327742 AMV327742 AWR327742 BGN327742 BQJ327742 CAF327742 CKB327742 CTX327742 DDT327742 DNP327742 DXL327742 EHH327742 ERD327742 FAZ327742 FKV327742 FUR327742 GEN327742 GOJ327742 GYF327742 HIB327742 HRX327742 IBT327742 ILP327742 IVL327742 JFH327742 JPD327742 JYZ327742 KIV327742 KSR327742 LCN327742 LMJ327742 LWF327742 MGB327742 MPX327742 MZT327742 NJP327742 NTL327742 ODH327742 OND327742 OWZ327742 PGV327742 PQR327742 QAN327742 QKJ327742 QUF327742 REB327742 RNX327742 RXT327742 SHP327742 SRL327742 TBH327742 TLD327742 TUZ327742 UEV327742 UOR327742 UYN327742 VIJ327742 VSF327742 WCB327742 WLX327742 WVT327742 L393278 JH393278 TD393278 ACZ393278 AMV393278 AWR393278 BGN393278 BQJ393278 CAF393278 CKB393278 CTX393278 DDT393278 DNP393278 DXL393278 EHH393278 ERD393278 FAZ393278 FKV393278 FUR393278 GEN393278 GOJ393278 GYF393278 HIB393278 HRX393278 IBT393278 ILP393278 IVL393278 JFH393278 JPD393278 JYZ393278 KIV393278 KSR393278 LCN393278 LMJ393278 LWF393278 MGB393278 MPX393278 MZT393278 NJP393278 NTL393278 ODH393278 OND393278 OWZ393278 PGV393278 PQR393278 QAN393278 QKJ393278 QUF393278 REB393278 RNX393278 RXT393278 SHP393278 SRL393278 TBH393278 TLD393278 TUZ393278 UEV393278 UOR393278 UYN393278 VIJ393278 VSF393278 WCB393278 WLX393278 WVT393278 L458814 JH458814 TD458814 ACZ458814 AMV458814 AWR458814 BGN458814 BQJ458814 CAF458814 CKB458814 CTX458814 DDT458814 DNP458814 DXL458814 EHH458814 ERD458814 FAZ458814 FKV458814 FUR458814 GEN458814 GOJ458814 GYF458814 HIB458814 HRX458814 IBT458814 ILP458814 IVL458814 JFH458814 JPD458814 JYZ458814 KIV458814 KSR458814 LCN458814 LMJ458814 LWF458814 MGB458814 MPX458814 MZT458814 NJP458814 NTL458814 ODH458814 OND458814 OWZ458814 PGV458814 PQR458814 QAN458814 QKJ458814 QUF458814 REB458814 RNX458814 RXT458814 SHP458814 SRL458814 TBH458814 TLD458814 TUZ458814 UEV458814 UOR458814 UYN458814 VIJ458814 VSF458814 WCB458814 WLX458814 WVT458814 L524350 JH524350 TD524350 ACZ524350 AMV524350 AWR524350 BGN524350 BQJ524350 CAF524350 CKB524350 CTX524350 DDT524350 DNP524350 DXL524350 EHH524350 ERD524350 FAZ524350 FKV524350 FUR524350 GEN524350 GOJ524350 GYF524350 HIB524350 HRX524350 IBT524350 ILP524350 IVL524350 JFH524350 JPD524350 JYZ524350 KIV524350 KSR524350 LCN524350 LMJ524350 LWF524350 MGB524350 MPX524350 MZT524350 NJP524350 NTL524350 ODH524350 OND524350 OWZ524350 PGV524350 PQR524350 QAN524350 QKJ524350 QUF524350 REB524350 RNX524350 RXT524350 SHP524350 SRL524350 TBH524350 TLD524350 TUZ524350 UEV524350 UOR524350 UYN524350 VIJ524350 VSF524350 WCB524350 WLX524350 WVT524350 L589886 JH589886 TD589886 ACZ589886 AMV589886 AWR589886 BGN589886 BQJ589886 CAF589886 CKB589886 CTX589886 DDT589886 DNP589886 DXL589886 EHH589886 ERD589886 FAZ589886 FKV589886 FUR589886 GEN589886 GOJ589886 GYF589886 HIB589886 HRX589886 IBT589886 ILP589886 IVL589886 JFH589886 JPD589886 JYZ589886 KIV589886 KSR589886 LCN589886 LMJ589886 LWF589886 MGB589886 MPX589886 MZT589886 NJP589886 NTL589886 ODH589886 OND589886 OWZ589886 PGV589886 PQR589886 QAN589886 QKJ589886 QUF589886 REB589886 RNX589886 RXT589886 SHP589886 SRL589886 TBH589886 TLD589886 TUZ589886 UEV589886 UOR589886 UYN589886 VIJ589886 VSF589886 WCB589886 WLX589886 WVT589886 L655422 JH655422 TD655422 ACZ655422 AMV655422 AWR655422 BGN655422 BQJ655422 CAF655422 CKB655422 CTX655422 DDT655422 DNP655422 DXL655422 EHH655422 ERD655422 FAZ655422 FKV655422 FUR655422 GEN655422 GOJ655422 GYF655422 HIB655422 HRX655422 IBT655422 ILP655422 IVL655422 JFH655422 JPD655422 JYZ655422 KIV655422 KSR655422 LCN655422 LMJ655422 LWF655422 MGB655422 MPX655422 MZT655422 NJP655422 NTL655422 ODH655422 OND655422 OWZ655422 PGV655422 PQR655422 QAN655422 QKJ655422 QUF655422 REB655422 RNX655422 RXT655422 SHP655422 SRL655422 TBH655422 TLD655422 TUZ655422 UEV655422 UOR655422 UYN655422 VIJ655422 VSF655422 WCB655422 WLX655422 WVT655422 L720958 JH720958 TD720958 ACZ720958 AMV720958 AWR720958 BGN720958 BQJ720958 CAF720958 CKB720958 CTX720958 DDT720958 DNP720958 DXL720958 EHH720958 ERD720958 FAZ720958 FKV720958 FUR720958 GEN720958 GOJ720958 GYF720958 HIB720958 HRX720958 IBT720958 ILP720958 IVL720958 JFH720958 JPD720958 JYZ720958 KIV720958 KSR720958 LCN720958 LMJ720958 LWF720958 MGB720958 MPX720958 MZT720958 NJP720958 NTL720958 ODH720958 OND720958 OWZ720958 PGV720958 PQR720958 QAN720958 QKJ720958 QUF720958 REB720958 RNX720958 RXT720958 SHP720958 SRL720958 TBH720958 TLD720958 TUZ720958 UEV720958 UOR720958 UYN720958 VIJ720958 VSF720958 WCB720958 WLX720958 WVT720958 L786494 JH786494 TD786494 ACZ786494 AMV786494 AWR786494 BGN786494 BQJ786494 CAF786494 CKB786494 CTX786494 DDT786494 DNP786494 DXL786494 EHH786494 ERD786494 FAZ786494 FKV786494 FUR786494 GEN786494 GOJ786494 GYF786494 HIB786494 HRX786494 IBT786494 ILP786494 IVL786494 JFH786494 JPD786494 JYZ786494 KIV786494 KSR786494 LCN786494 LMJ786494 LWF786494 MGB786494 MPX786494 MZT786494 NJP786494 NTL786494 ODH786494 OND786494 OWZ786494 PGV786494 PQR786494 QAN786494 QKJ786494 QUF786494 REB786494 RNX786494 RXT786494 SHP786494 SRL786494 TBH786494 TLD786494 TUZ786494 UEV786494 UOR786494 UYN786494 VIJ786494 VSF786494 WCB786494 WLX786494 WVT786494 L852030 JH852030 TD852030 ACZ852030 AMV852030 AWR852030 BGN852030 BQJ852030 CAF852030 CKB852030 CTX852030 DDT852030 DNP852030 DXL852030 EHH852030 ERD852030 FAZ852030 FKV852030 FUR852030 GEN852030 GOJ852030 GYF852030 HIB852030 HRX852030 IBT852030 ILP852030 IVL852030 JFH852030 JPD852030 JYZ852030 KIV852030 KSR852030 LCN852030 LMJ852030 LWF852030 MGB852030 MPX852030 MZT852030 NJP852030 NTL852030 ODH852030 OND852030 OWZ852030 PGV852030 PQR852030 QAN852030 QKJ852030 QUF852030 REB852030 RNX852030 RXT852030 SHP852030 SRL852030 TBH852030 TLD852030 TUZ852030 UEV852030 UOR852030 UYN852030 VIJ852030 VSF852030 WCB852030 WLX852030 WVT852030 L917566 JH917566 TD917566 ACZ917566 AMV917566 AWR917566 BGN917566 BQJ917566 CAF917566 CKB917566 CTX917566 DDT917566 DNP917566 DXL917566 EHH917566 ERD917566 FAZ917566 FKV917566 FUR917566 GEN917566 GOJ917566 GYF917566 HIB917566 HRX917566 IBT917566 ILP917566 IVL917566 JFH917566 JPD917566 JYZ917566 KIV917566 KSR917566 LCN917566 LMJ917566 LWF917566 MGB917566 MPX917566 MZT917566 NJP917566 NTL917566 ODH917566 OND917566 OWZ917566 PGV917566 PQR917566 QAN917566 QKJ917566 QUF917566 REB917566 RNX917566 RXT917566 SHP917566 SRL917566 TBH917566 TLD917566 TUZ917566 UEV917566 UOR917566 UYN917566 VIJ917566 VSF917566 WCB917566 WLX917566 WVT917566 L983102 JH983102 TD983102 ACZ983102 AMV983102 AWR983102 BGN983102 BQJ983102 CAF983102 CKB983102 CTX983102 DDT983102 DNP983102 DXL983102 EHH983102 ERD983102 FAZ983102 FKV983102 FUR983102 GEN983102 GOJ983102 GYF983102 HIB983102 HRX983102 IBT983102 ILP983102 IVL983102 JFH983102 JPD983102 JYZ983102 KIV983102 KSR983102 LCN983102 LMJ983102 LWF983102 MGB983102 MPX983102 MZT983102 NJP983102 NTL983102 ODH983102 OND983102 OWZ983102 PGV983102 PQR983102 QAN983102 QKJ983102 QUF983102 REB983102 RNX983102 RXT983102 SHP983102 SRL983102 TBH983102 TLD983102 TUZ983102 UEV983102 UOR983102 UYN983102 VIJ983102 VSF983102 WCB983102 WLX983102 WVT983102 M63:M66 JI63:JI66 TE63:TE66 ADA63:ADA66 AMW63:AMW66 AWS63:AWS66 BGO63:BGO66 BQK63:BQK66 CAG63:CAG66 CKC63:CKC66 CTY63:CTY66 DDU63:DDU66 DNQ63:DNQ66 DXM63:DXM66 EHI63:EHI66 ERE63:ERE66 FBA63:FBA66 FKW63:FKW66 FUS63:FUS66 GEO63:GEO66 GOK63:GOK66 GYG63:GYG66 HIC63:HIC66 HRY63:HRY66 IBU63:IBU66 ILQ63:ILQ66 IVM63:IVM66 JFI63:JFI66 JPE63:JPE66 JZA63:JZA66 KIW63:KIW66 KSS63:KSS66 LCO63:LCO66 LMK63:LMK66 LWG63:LWG66 MGC63:MGC66 MPY63:MPY66 MZU63:MZU66 NJQ63:NJQ66 NTM63:NTM66 ODI63:ODI66 ONE63:ONE66 OXA63:OXA66 PGW63:PGW66 PQS63:PQS66 QAO63:QAO66 QKK63:QKK66 QUG63:QUG66 REC63:REC66 RNY63:RNY66 RXU63:RXU66 SHQ63:SHQ66 SRM63:SRM66 TBI63:TBI66 TLE63:TLE66 TVA63:TVA66 UEW63:UEW66 UOS63:UOS66 UYO63:UYO66 VIK63:VIK66 VSG63:VSG66 WCC63:WCC66 WLY63:WLY66 WVU63:WVU66 M65599:M65602 JI65599:JI65602 TE65599:TE65602 ADA65599:ADA65602 AMW65599:AMW65602 AWS65599:AWS65602 BGO65599:BGO65602 BQK65599:BQK65602 CAG65599:CAG65602 CKC65599:CKC65602 CTY65599:CTY65602 DDU65599:DDU65602 DNQ65599:DNQ65602 DXM65599:DXM65602 EHI65599:EHI65602 ERE65599:ERE65602 FBA65599:FBA65602 FKW65599:FKW65602 FUS65599:FUS65602 GEO65599:GEO65602 GOK65599:GOK65602 GYG65599:GYG65602 HIC65599:HIC65602 HRY65599:HRY65602 IBU65599:IBU65602 ILQ65599:ILQ65602 IVM65599:IVM65602 JFI65599:JFI65602 JPE65599:JPE65602 JZA65599:JZA65602 KIW65599:KIW65602 KSS65599:KSS65602 LCO65599:LCO65602 LMK65599:LMK65602 LWG65599:LWG65602 MGC65599:MGC65602 MPY65599:MPY65602 MZU65599:MZU65602 NJQ65599:NJQ65602 NTM65599:NTM65602 ODI65599:ODI65602 ONE65599:ONE65602 OXA65599:OXA65602 PGW65599:PGW65602 PQS65599:PQS65602 QAO65599:QAO65602 QKK65599:QKK65602 QUG65599:QUG65602 REC65599:REC65602 RNY65599:RNY65602 RXU65599:RXU65602 SHQ65599:SHQ65602 SRM65599:SRM65602 TBI65599:TBI65602 TLE65599:TLE65602 TVA65599:TVA65602 UEW65599:UEW65602 UOS65599:UOS65602 UYO65599:UYO65602 VIK65599:VIK65602 VSG65599:VSG65602 WCC65599:WCC65602 WLY65599:WLY65602 WVU65599:WVU65602 M131135:M131138 JI131135:JI131138 TE131135:TE131138 ADA131135:ADA131138 AMW131135:AMW131138 AWS131135:AWS131138 BGO131135:BGO131138 BQK131135:BQK131138 CAG131135:CAG131138 CKC131135:CKC131138 CTY131135:CTY131138 DDU131135:DDU131138 DNQ131135:DNQ131138 DXM131135:DXM131138 EHI131135:EHI131138 ERE131135:ERE131138 FBA131135:FBA131138 FKW131135:FKW131138 FUS131135:FUS131138 GEO131135:GEO131138 GOK131135:GOK131138 GYG131135:GYG131138 HIC131135:HIC131138 HRY131135:HRY131138 IBU131135:IBU131138 ILQ131135:ILQ131138 IVM131135:IVM131138 JFI131135:JFI131138 JPE131135:JPE131138 JZA131135:JZA131138 KIW131135:KIW131138 KSS131135:KSS131138 LCO131135:LCO131138 LMK131135:LMK131138 LWG131135:LWG131138 MGC131135:MGC131138 MPY131135:MPY131138 MZU131135:MZU131138 NJQ131135:NJQ131138 NTM131135:NTM131138 ODI131135:ODI131138 ONE131135:ONE131138 OXA131135:OXA131138 PGW131135:PGW131138 PQS131135:PQS131138 QAO131135:QAO131138 QKK131135:QKK131138 QUG131135:QUG131138 REC131135:REC131138 RNY131135:RNY131138 RXU131135:RXU131138 SHQ131135:SHQ131138 SRM131135:SRM131138 TBI131135:TBI131138 TLE131135:TLE131138 TVA131135:TVA131138 UEW131135:UEW131138 UOS131135:UOS131138 UYO131135:UYO131138 VIK131135:VIK131138 VSG131135:VSG131138 WCC131135:WCC131138 WLY131135:WLY131138 WVU131135:WVU131138 M196671:M196674 JI196671:JI196674 TE196671:TE196674 ADA196671:ADA196674 AMW196671:AMW196674 AWS196671:AWS196674 BGO196671:BGO196674 BQK196671:BQK196674 CAG196671:CAG196674 CKC196671:CKC196674 CTY196671:CTY196674 DDU196671:DDU196674 DNQ196671:DNQ196674 DXM196671:DXM196674 EHI196671:EHI196674 ERE196671:ERE196674 FBA196671:FBA196674 FKW196671:FKW196674 FUS196671:FUS196674 GEO196671:GEO196674 GOK196671:GOK196674 GYG196671:GYG196674 HIC196671:HIC196674 HRY196671:HRY196674 IBU196671:IBU196674 ILQ196671:ILQ196674 IVM196671:IVM196674 JFI196671:JFI196674 JPE196671:JPE196674 JZA196671:JZA196674 KIW196671:KIW196674 KSS196671:KSS196674 LCO196671:LCO196674 LMK196671:LMK196674 LWG196671:LWG196674 MGC196671:MGC196674 MPY196671:MPY196674 MZU196671:MZU196674 NJQ196671:NJQ196674 NTM196671:NTM196674 ODI196671:ODI196674 ONE196671:ONE196674 OXA196671:OXA196674 PGW196671:PGW196674 PQS196671:PQS196674 QAO196671:QAO196674 QKK196671:QKK196674 QUG196671:QUG196674 REC196671:REC196674 RNY196671:RNY196674 RXU196671:RXU196674 SHQ196671:SHQ196674 SRM196671:SRM196674 TBI196671:TBI196674 TLE196671:TLE196674 TVA196671:TVA196674 UEW196671:UEW196674 UOS196671:UOS196674 UYO196671:UYO196674 VIK196671:VIK196674 VSG196671:VSG196674 WCC196671:WCC196674 WLY196671:WLY196674 WVU196671:WVU196674 M262207:M262210 JI262207:JI262210 TE262207:TE262210 ADA262207:ADA262210 AMW262207:AMW262210 AWS262207:AWS262210 BGO262207:BGO262210 BQK262207:BQK262210 CAG262207:CAG262210 CKC262207:CKC262210 CTY262207:CTY262210 DDU262207:DDU262210 DNQ262207:DNQ262210 DXM262207:DXM262210 EHI262207:EHI262210 ERE262207:ERE262210 FBA262207:FBA262210 FKW262207:FKW262210 FUS262207:FUS262210 GEO262207:GEO262210 GOK262207:GOK262210 GYG262207:GYG262210 HIC262207:HIC262210 HRY262207:HRY262210 IBU262207:IBU262210 ILQ262207:ILQ262210 IVM262207:IVM262210 JFI262207:JFI262210 JPE262207:JPE262210 JZA262207:JZA262210 KIW262207:KIW262210 KSS262207:KSS262210 LCO262207:LCO262210 LMK262207:LMK262210 LWG262207:LWG262210 MGC262207:MGC262210 MPY262207:MPY262210 MZU262207:MZU262210 NJQ262207:NJQ262210 NTM262207:NTM262210 ODI262207:ODI262210 ONE262207:ONE262210 OXA262207:OXA262210 PGW262207:PGW262210 PQS262207:PQS262210 QAO262207:QAO262210 QKK262207:QKK262210 QUG262207:QUG262210 REC262207:REC262210 RNY262207:RNY262210 RXU262207:RXU262210 SHQ262207:SHQ262210 SRM262207:SRM262210 TBI262207:TBI262210 TLE262207:TLE262210 TVA262207:TVA262210 UEW262207:UEW262210 UOS262207:UOS262210 UYO262207:UYO262210 VIK262207:VIK262210 VSG262207:VSG262210 WCC262207:WCC262210 WLY262207:WLY262210 WVU262207:WVU262210 M327743:M327746 JI327743:JI327746 TE327743:TE327746 ADA327743:ADA327746 AMW327743:AMW327746 AWS327743:AWS327746 BGO327743:BGO327746 BQK327743:BQK327746 CAG327743:CAG327746 CKC327743:CKC327746 CTY327743:CTY327746 DDU327743:DDU327746 DNQ327743:DNQ327746 DXM327743:DXM327746 EHI327743:EHI327746 ERE327743:ERE327746 FBA327743:FBA327746 FKW327743:FKW327746 FUS327743:FUS327746 GEO327743:GEO327746 GOK327743:GOK327746 GYG327743:GYG327746 HIC327743:HIC327746 HRY327743:HRY327746 IBU327743:IBU327746 ILQ327743:ILQ327746 IVM327743:IVM327746 JFI327743:JFI327746 JPE327743:JPE327746 JZA327743:JZA327746 KIW327743:KIW327746 KSS327743:KSS327746 LCO327743:LCO327746 LMK327743:LMK327746 LWG327743:LWG327746 MGC327743:MGC327746 MPY327743:MPY327746 MZU327743:MZU327746 NJQ327743:NJQ327746 NTM327743:NTM327746 ODI327743:ODI327746 ONE327743:ONE327746 OXA327743:OXA327746 PGW327743:PGW327746 PQS327743:PQS327746 QAO327743:QAO327746 QKK327743:QKK327746 QUG327743:QUG327746 REC327743:REC327746 RNY327743:RNY327746 RXU327743:RXU327746 SHQ327743:SHQ327746 SRM327743:SRM327746 TBI327743:TBI327746 TLE327743:TLE327746 TVA327743:TVA327746 UEW327743:UEW327746 UOS327743:UOS327746 UYO327743:UYO327746 VIK327743:VIK327746 VSG327743:VSG327746 WCC327743:WCC327746 WLY327743:WLY327746 WVU327743:WVU327746 M393279:M393282 JI393279:JI393282 TE393279:TE393282 ADA393279:ADA393282 AMW393279:AMW393282 AWS393279:AWS393282 BGO393279:BGO393282 BQK393279:BQK393282 CAG393279:CAG393282 CKC393279:CKC393282 CTY393279:CTY393282 DDU393279:DDU393282 DNQ393279:DNQ393282 DXM393279:DXM393282 EHI393279:EHI393282 ERE393279:ERE393282 FBA393279:FBA393282 FKW393279:FKW393282 FUS393279:FUS393282 GEO393279:GEO393282 GOK393279:GOK393282 GYG393279:GYG393282 HIC393279:HIC393282 HRY393279:HRY393282 IBU393279:IBU393282 ILQ393279:ILQ393282 IVM393279:IVM393282 JFI393279:JFI393282 JPE393279:JPE393282 JZA393279:JZA393282 KIW393279:KIW393282 KSS393279:KSS393282 LCO393279:LCO393282 LMK393279:LMK393282 LWG393279:LWG393282 MGC393279:MGC393282 MPY393279:MPY393282 MZU393279:MZU393282 NJQ393279:NJQ393282 NTM393279:NTM393282 ODI393279:ODI393282 ONE393279:ONE393282 OXA393279:OXA393282 PGW393279:PGW393282 PQS393279:PQS393282 QAO393279:QAO393282 QKK393279:QKK393282 QUG393279:QUG393282 REC393279:REC393282 RNY393279:RNY393282 RXU393279:RXU393282 SHQ393279:SHQ393282 SRM393279:SRM393282 TBI393279:TBI393282 TLE393279:TLE393282 TVA393279:TVA393282 UEW393279:UEW393282 UOS393279:UOS393282 UYO393279:UYO393282 VIK393279:VIK393282 VSG393279:VSG393282 WCC393279:WCC393282 WLY393279:WLY393282 WVU393279:WVU393282 M458815:M458818 JI458815:JI458818 TE458815:TE458818 ADA458815:ADA458818 AMW458815:AMW458818 AWS458815:AWS458818 BGO458815:BGO458818 BQK458815:BQK458818 CAG458815:CAG458818 CKC458815:CKC458818 CTY458815:CTY458818 DDU458815:DDU458818 DNQ458815:DNQ458818 DXM458815:DXM458818 EHI458815:EHI458818 ERE458815:ERE458818 FBA458815:FBA458818 FKW458815:FKW458818 FUS458815:FUS458818 GEO458815:GEO458818 GOK458815:GOK458818 GYG458815:GYG458818 HIC458815:HIC458818 HRY458815:HRY458818 IBU458815:IBU458818 ILQ458815:ILQ458818 IVM458815:IVM458818 JFI458815:JFI458818 JPE458815:JPE458818 JZA458815:JZA458818 KIW458815:KIW458818 KSS458815:KSS458818 LCO458815:LCO458818 LMK458815:LMK458818 LWG458815:LWG458818 MGC458815:MGC458818 MPY458815:MPY458818 MZU458815:MZU458818 NJQ458815:NJQ458818 NTM458815:NTM458818 ODI458815:ODI458818 ONE458815:ONE458818 OXA458815:OXA458818 PGW458815:PGW458818 PQS458815:PQS458818 QAO458815:QAO458818 QKK458815:QKK458818 QUG458815:QUG458818 REC458815:REC458818 RNY458815:RNY458818 RXU458815:RXU458818 SHQ458815:SHQ458818 SRM458815:SRM458818 TBI458815:TBI458818 TLE458815:TLE458818 TVA458815:TVA458818 UEW458815:UEW458818 UOS458815:UOS458818 UYO458815:UYO458818 VIK458815:VIK458818 VSG458815:VSG458818 WCC458815:WCC458818 WLY458815:WLY458818 WVU458815:WVU458818 M524351:M524354 JI524351:JI524354 TE524351:TE524354 ADA524351:ADA524354 AMW524351:AMW524354 AWS524351:AWS524354 BGO524351:BGO524354 BQK524351:BQK524354 CAG524351:CAG524354 CKC524351:CKC524354 CTY524351:CTY524354 DDU524351:DDU524354 DNQ524351:DNQ524354 DXM524351:DXM524354 EHI524351:EHI524354 ERE524351:ERE524354 FBA524351:FBA524354 FKW524351:FKW524354 FUS524351:FUS524354 GEO524351:GEO524354 GOK524351:GOK524354 GYG524351:GYG524354 HIC524351:HIC524354 HRY524351:HRY524354 IBU524351:IBU524354 ILQ524351:ILQ524354 IVM524351:IVM524354 JFI524351:JFI524354 JPE524351:JPE524354 JZA524351:JZA524354 KIW524351:KIW524354 KSS524351:KSS524354 LCO524351:LCO524354 LMK524351:LMK524354 LWG524351:LWG524354 MGC524351:MGC524354 MPY524351:MPY524354 MZU524351:MZU524354 NJQ524351:NJQ524354 NTM524351:NTM524354 ODI524351:ODI524354 ONE524351:ONE524354 OXA524351:OXA524354 PGW524351:PGW524354 PQS524351:PQS524354 QAO524351:QAO524354 QKK524351:QKK524354 QUG524351:QUG524354 REC524351:REC524354 RNY524351:RNY524354 RXU524351:RXU524354 SHQ524351:SHQ524354 SRM524351:SRM524354 TBI524351:TBI524354 TLE524351:TLE524354 TVA524351:TVA524354 UEW524351:UEW524354 UOS524351:UOS524354 UYO524351:UYO524354 VIK524351:VIK524354 VSG524351:VSG524354 WCC524351:WCC524354 WLY524351:WLY524354 WVU524351:WVU524354 M589887:M589890 JI589887:JI589890 TE589887:TE589890 ADA589887:ADA589890 AMW589887:AMW589890 AWS589887:AWS589890 BGO589887:BGO589890 BQK589887:BQK589890 CAG589887:CAG589890 CKC589887:CKC589890 CTY589887:CTY589890 DDU589887:DDU589890 DNQ589887:DNQ589890 DXM589887:DXM589890 EHI589887:EHI589890 ERE589887:ERE589890 FBA589887:FBA589890 FKW589887:FKW589890 FUS589887:FUS589890 GEO589887:GEO589890 GOK589887:GOK589890 GYG589887:GYG589890 HIC589887:HIC589890 HRY589887:HRY589890 IBU589887:IBU589890 ILQ589887:ILQ589890 IVM589887:IVM589890 JFI589887:JFI589890 JPE589887:JPE589890 JZA589887:JZA589890 KIW589887:KIW589890 KSS589887:KSS589890 LCO589887:LCO589890 LMK589887:LMK589890 LWG589887:LWG589890 MGC589887:MGC589890 MPY589887:MPY589890 MZU589887:MZU589890 NJQ589887:NJQ589890 NTM589887:NTM589890 ODI589887:ODI589890 ONE589887:ONE589890 OXA589887:OXA589890 PGW589887:PGW589890 PQS589887:PQS589890 QAO589887:QAO589890 QKK589887:QKK589890 QUG589887:QUG589890 REC589887:REC589890 RNY589887:RNY589890 RXU589887:RXU589890 SHQ589887:SHQ589890 SRM589887:SRM589890 TBI589887:TBI589890 TLE589887:TLE589890 TVA589887:TVA589890 UEW589887:UEW589890 UOS589887:UOS589890 UYO589887:UYO589890 VIK589887:VIK589890 VSG589887:VSG589890 WCC589887:WCC589890 WLY589887:WLY589890 WVU589887:WVU589890 M655423:M655426 JI655423:JI655426 TE655423:TE655426 ADA655423:ADA655426 AMW655423:AMW655426 AWS655423:AWS655426 BGO655423:BGO655426 BQK655423:BQK655426 CAG655423:CAG655426 CKC655423:CKC655426 CTY655423:CTY655426 DDU655423:DDU655426 DNQ655423:DNQ655426 DXM655423:DXM655426 EHI655423:EHI655426 ERE655423:ERE655426 FBA655423:FBA655426 FKW655423:FKW655426 FUS655423:FUS655426 GEO655423:GEO655426 GOK655423:GOK655426 GYG655423:GYG655426 HIC655423:HIC655426 HRY655423:HRY655426 IBU655423:IBU655426 ILQ655423:ILQ655426 IVM655423:IVM655426 JFI655423:JFI655426 JPE655423:JPE655426 JZA655423:JZA655426 KIW655423:KIW655426 KSS655423:KSS655426 LCO655423:LCO655426 LMK655423:LMK655426 LWG655423:LWG655426 MGC655423:MGC655426 MPY655423:MPY655426 MZU655423:MZU655426 NJQ655423:NJQ655426 NTM655423:NTM655426 ODI655423:ODI655426 ONE655423:ONE655426 OXA655423:OXA655426 PGW655423:PGW655426 PQS655423:PQS655426 QAO655423:QAO655426 QKK655423:QKK655426 QUG655423:QUG655426 REC655423:REC655426 RNY655423:RNY655426 RXU655423:RXU655426 SHQ655423:SHQ655426 SRM655423:SRM655426 TBI655423:TBI655426 TLE655423:TLE655426 TVA655423:TVA655426 UEW655423:UEW655426 UOS655423:UOS655426 UYO655423:UYO655426 VIK655423:VIK655426 VSG655423:VSG655426 WCC655423:WCC655426 WLY655423:WLY655426 WVU655423:WVU655426 M720959:M720962 JI720959:JI720962 TE720959:TE720962 ADA720959:ADA720962 AMW720959:AMW720962 AWS720959:AWS720962 BGO720959:BGO720962 BQK720959:BQK720962 CAG720959:CAG720962 CKC720959:CKC720962 CTY720959:CTY720962 DDU720959:DDU720962 DNQ720959:DNQ720962 DXM720959:DXM720962 EHI720959:EHI720962 ERE720959:ERE720962 FBA720959:FBA720962 FKW720959:FKW720962 FUS720959:FUS720962 GEO720959:GEO720962 GOK720959:GOK720962 GYG720959:GYG720962 HIC720959:HIC720962 HRY720959:HRY720962 IBU720959:IBU720962 ILQ720959:ILQ720962 IVM720959:IVM720962 JFI720959:JFI720962 JPE720959:JPE720962 JZA720959:JZA720962 KIW720959:KIW720962 KSS720959:KSS720962 LCO720959:LCO720962 LMK720959:LMK720962 LWG720959:LWG720962 MGC720959:MGC720962 MPY720959:MPY720962 MZU720959:MZU720962 NJQ720959:NJQ720962 NTM720959:NTM720962 ODI720959:ODI720962 ONE720959:ONE720962 OXA720959:OXA720962 PGW720959:PGW720962 PQS720959:PQS720962 QAO720959:QAO720962 QKK720959:QKK720962 QUG720959:QUG720962 REC720959:REC720962 RNY720959:RNY720962 RXU720959:RXU720962 SHQ720959:SHQ720962 SRM720959:SRM720962 TBI720959:TBI720962 TLE720959:TLE720962 TVA720959:TVA720962 UEW720959:UEW720962 UOS720959:UOS720962 UYO720959:UYO720962 VIK720959:VIK720962 VSG720959:VSG720962 WCC720959:WCC720962 WLY720959:WLY720962 WVU720959:WVU720962 M786495:M786498 JI786495:JI786498 TE786495:TE786498 ADA786495:ADA786498 AMW786495:AMW786498 AWS786495:AWS786498 BGO786495:BGO786498 BQK786495:BQK786498 CAG786495:CAG786498 CKC786495:CKC786498 CTY786495:CTY786498 DDU786495:DDU786498 DNQ786495:DNQ786498 DXM786495:DXM786498 EHI786495:EHI786498 ERE786495:ERE786498 FBA786495:FBA786498 FKW786495:FKW786498 FUS786495:FUS786498 GEO786495:GEO786498 GOK786495:GOK786498 GYG786495:GYG786498 HIC786495:HIC786498 HRY786495:HRY786498 IBU786495:IBU786498 ILQ786495:ILQ786498 IVM786495:IVM786498 JFI786495:JFI786498 JPE786495:JPE786498 JZA786495:JZA786498 KIW786495:KIW786498 KSS786495:KSS786498 LCO786495:LCO786498 LMK786495:LMK786498 LWG786495:LWG786498 MGC786495:MGC786498 MPY786495:MPY786498 MZU786495:MZU786498 NJQ786495:NJQ786498 NTM786495:NTM786498 ODI786495:ODI786498 ONE786495:ONE786498 OXA786495:OXA786498 PGW786495:PGW786498 PQS786495:PQS786498 QAO786495:QAO786498 QKK786495:QKK786498 QUG786495:QUG786498 REC786495:REC786498 RNY786495:RNY786498 RXU786495:RXU786498 SHQ786495:SHQ786498 SRM786495:SRM786498 TBI786495:TBI786498 TLE786495:TLE786498 TVA786495:TVA786498 UEW786495:UEW786498 UOS786495:UOS786498 UYO786495:UYO786498 VIK786495:VIK786498 VSG786495:VSG786498 WCC786495:WCC786498 WLY786495:WLY786498 WVU786495:WVU786498 M852031:M852034 JI852031:JI852034 TE852031:TE852034 ADA852031:ADA852034 AMW852031:AMW852034 AWS852031:AWS852034 BGO852031:BGO852034 BQK852031:BQK852034 CAG852031:CAG852034 CKC852031:CKC852034 CTY852031:CTY852034 DDU852031:DDU852034 DNQ852031:DNQ852034 DXM852031:DXM852034 EHI852031:EHI852034 ERE852031:ERE852034 FBA852031:FBA852034 FKW852031:FKW852034 FUS852031:FUS852034 GEO852031:GEO852034 GOK852031:GOK852034 GYG852031:GYG852034 HIC852031:HIC852034 HRY852031:HRY852034 IBU852031:IBU852034 ILQ852031:ILQ852034 IVM852031:IVM852034 JFI852031:JFI852034 JPE852031:JPE852034 JZA852031:JZA852034 KIW852031:KIW852034 KSS852031:KSS852034 LCO852031:LCO852034 LMK852031:LMK852034 LWG852031:LWG852034 MGC852031:MGC852034 MPY852031:MPY852034 MZU852031:MZU852034 NJQ852031:NJQ852034 NTM852031:NTM852034 ODI852031:ODI852034 ONE852031:ONE852034 OXA852031:OXA852034 PGW852031:PGW852034 PQS852031:PQS852034 QAO852031:QAO852034 QKK852031:QKK852034 QUG852031:QUG852034 REC852031:REC852034 RNY852031:RNY852034 RXU852031:RXU852034 SHQ852031:SHQ852034 SRM852031:SRM852034 TBI852031:TBI852034 TLE852031:TLE852034 TVA852031:TVA852034 UEW852031:UEW852034 UOS852031:UOS852034 UYO852031:UYO852034 VIK852031:VIK852034 VSG852031:VSG852034 WCC852031:WCC852034 WLY852031:WLY852034 WVU852031:WVU852034 M917567:M917570 JI917567:JI917570 TE917567:TE917570 ADA917567:ADA917570 AMW917567:AMW917570 AWS917567:AWS917570 BGO917567:BGO917570 BQK917567:BQK917570 CAG917567:CAG917570 CKC917567:CKC917570 CTY917567:CTY917570 DDU917567:DDU917570 DNQ917567:DNQ917570 DXM917567:DXM917570 EHI917567:EHI917570 ERE917567:ERE917570 FBA917567:FBA917570 FKW917567:FKW917570 FUS917567:FUS917570 GEO917567:GEO917570 GOK917567:GOK917570 GYG917567:GYG917570 HIC917567:HIC917570 HRY917567:HRY917570 IBU917567:IBU917570 ILQ917567:ILQ917570 IVM917567:IVM917570 JFI917567:JFI917570 JPE917567:JPE917570 JZA917567:JZA917570 KIW917567:KIW917570 KSS917567:KSS917570 LCO917567:LCO917570 LMK917567:LMK917570 LWG917567:LWG917570 MGC917567:MGC917570 MPY917567:MPY917570 MZU917567:MZU917570 NJQ917567:NJQ917570 NTM917567:NTM917570 ODI917567:ODI917570 ONE917567:ONE917570 OXA917567:OXA917570 PGW917567:PGW917570 PQS917567:PQS917570 QAO917567:QAO917570 QKK917567:QKK917570 QUG917567:QUG917570 REC917567:REC917570 RNY917567:RNY917570 RXU917567:RXU917570 SHQ917567:SHQ917570 SRM917567:SRM917570 TBI917567:TBI917570 TLE917567:TLE917570 TVA917567:TVA917570 UEW917567:UEW917570 UOS917567:UOS917570 UYO917567:UYO917570 VIK917567:VIK917570 VSG917567:VSG917570 WCC917567:WCC917570 WLY917567:WLY917570 WVU917567:WVU917570 M983103:M983106 JI983103:JI983106 TE983103:TE983106 ADA983103:ADA983106 AMW983103:AMW983106 AWS983103:AWS983106 BGO983103:BGO983106 BQK983103:BQK983106 CAG983103:CAG983106 CKC983103:CKC983106 CTY983103:CTY983106 DDU983103:DDU983106 DNQ983103:DNQ983106 DXM983103:DXM983106 EHI983103:EHI983106 ERE983103:ERE983106 FBA983103:FBA983106 FKW983103:FKW983106 FUS983103:FUS983106 GEO983103:GEO983106 GOK983103:GOK983106 GYG983103:GYG983106 HIC983103:HIC983106 HRY983103:HRY983106 IBU983103:IBU983106 ILQ983103:ILQ983106 IVM983103:IVM983106 JFI983103:JFI983106 JPE983103:JPE983106 JZA983103:JZA983106 KIW983103:KIW983106 KSS983103:KSS983106 LCO983103:LCO983106 LMK983103:LMK983106 LWG983103:LWG983106 MGC983103:MGC983106 MPY983103:MPY983106 MZU983103:MZU983106 NJQ983103:NJQ983106 NTM983103:NTM983106 ODI983103:ODI983106 ONE983103:ONE983106 OXA983103:OXA983106 PGW983103:PGW983106 PQS983103:PQS983106 QAO983103:QAO983106 QKK983103:QKK983106 QUG983103:QUG983106 REC983103:REC983106 RNY983103:RNY983106 RXU983103:RXU983106 SHQ983103:SHQ983106 SRM983103:SRM983106 TBI983103:TBI983106 TLE983103:TLE983106 TVA983103:TVA983106 UEW983103:UEW983106 UOS983103:UOS983106 UYO983103:UYO983106 VIK983103:VIK983106 VSG983103:VSG983106 WCC983103:WCC983106 WLY983103:WLY983106 WVU983103:WVU983106 L67 JH67 TD67 ACZ67 AMV67 AWR67 BGN67 BQJ67 CAF67 CKB67 CTX67 DDT67 DNP67 DXL67 EHH67 ERD67 FAZ67 FKV67 FUR67 GEN67 GOJ67 GYF67 HIB67 HRX67 IBT67 ILP67 IVL67 JFH67 JPD67 JYZ67 KIV67 KSR67 LCN67 LMJ67 LWF67 MGB67 MPX67 MZT67 NJP67 NTL67 ODH67 OND67 OWZ67 PGV67 PQR67 QAN67 QKJ67 QUF67 REB67 RNX67 RXT67 SHP67 SRL67 TBH67 TLD67 TUZ67 UEV67 UOR67 UYN67 VIJ67 VSF67 WCB67 WLX67 WVT67 L65603 JH65603 TD65603 ACZ65603 AMV65603 AWR65603 BGN65603 BQJ65603 CAF65603 CKB65603 CTX65603 DDT65603 DNP65603 DXL65603 EHH65603 ERD65603 FAZ65603 FKV65603 FUR65603 GEN65603 GOJ65603 GYF65603 HIB65603 HRX65603 IBT65603 ILP65603 IVL65603 JFH65603 JPD65603 JYZ65603 KIV65603 KSR65603 LCN65603 LMJ65603 LWF65603 MGB65603 MPX65603 MZT65603 NJP65603 NTL65603 ODH65603 OND65603 OWZ65603 PGV65603 PQR65603 QAN65603 QKJ65603 QUF65603 REB65603 RNX65603 RXT65603 SHP65603 SRL65603 TBH65603 TLD65603 TUZ65603 UEV65603 UOR65603 UYN65603 VIJ65603 VSF65603 WCB65603 WLX65603 WVT65603 L131139 JH131139 TD131139 ACZ131139 AMV131139 AWR131139 BGN131139 BQJ131139 CAF131139 CKB131139 CTX131139 DDT131139 DNP131139 DXL131139 EHH131139 ERD131139 FAZ131139 FKV131139 FUR131139 GEN131139 GOJ131139 GYF131139 HIB131139 HRX131139 IBT131139 ILP131139 IVL131139 JFH131139 JPD131139 JYZ131139 KIV131139 KSR131139 LCN131139 LMJ131139 LWF131139 MGB131139 MPX131139 MZT131139 NJP131139 NTL131139 ODH131139 OND131139 OWZ131139 PGV131139 PQR131139 QAN131139 QKJ131139 QUF131139 REB131139 RNX131139 RXT131139 SHP131139 SRL131139 TBH131139 TLD131139 TUZ131139 UEV131139 UOR131139 UYN131139 VIJ131139 VSF131139 WCB131139 WLX131139 WVT131139 L196675 JH196675 TD196675 ACZ196675 AMV196675 AWR196675 BGN196675 BQJ196675 CAF196675 CKB196675 CTX196675 DDT196675 DNP196675 DXL196675 EHH196675 ERD196675 FAZ196675 FKV196675 FUR196675 GEN196675 GOJ196675 GYF196675 HIB196675 HRX196675 IBT196675 ILP196675 IVL196675 JFH196675 JPD196675 JYZ196675 KIV196675 KSR196675 LCN196675 LMJ196675 LWF196675 MGB196675 MPX196675 MZT196675 NJP196675 NTL196675 ODH196675 OND196675 OWZ196675 PGV196675 PQR196675 QAN196675 QKJ196675 QUF196675 REB196675 RNX196675 RXT196675 SHP196675 SRL196675 TBH196675 TLD196675 TUZ196675 UEV196675 UOR196675 UYN196675 VIJ196675 VSF196675 WCB196675 WLX196675 WVT196675 L262211 JH262211 TD262211 ACZ262211 AMV262211 AWR262211 BGN262211 BQJ262211 CAF262211 CKB262211 CTX262211 DDT262211 DNP262211 DXL262211 EHH262211 ERD262211 FAZ262211 FKV262211 FUR262211 GEN262211 GOJ262211 GYF262211 HIB262211 HRX262211 IBT262211 ILP262211 IVL262211 JFH262211 JPD262211 JYZ262211 KIV262211 KSR262211 LCN262211 LMJ262211 LWF262211 MGB262211 MPX262211 MZT262211 NJP262211 NTL262211 ODH262211 OND262211 OWZ262211 PGV262211 PQR262211 QAN262211 QKJ262211 QUF262211 REB262211 RNX262211 RXT262211 SHP262211 SRL262211 TBH262211 TLD262211 TUZ262211 UEV262211 UOR262211 UYN262211 VIJ262211 VSF262211 WCB262211 WLX262211 WVT262211 L327747 JH327747 TD327747 ACZ327747 AMV327747 AWR327747 BGN327747 BQJ327747 CAF327747 CKB327747 CTX327747 DDT327747 DNP327747 DXL327747 EHH327747 ERD327747 FAZ327747 FKV327747 FUR327747 GEN327747 GOJ327747 GYF327747 HIB327747 HRX327747 IBT327747 ILP327747 IVL327747 JFH327747 JPD327747 JYZ327747 KIV327747 KSR327747 LCN327747 LMJ327747 LWF327747 MGB327747 MPX327747 MZT327747 NJP327747 NTL327747 ODH327747 OND327747 OWZ327747 PGV327747 PQR327747 QAN327747 QKJ327747 QUF327747 REB327747 RNX327747 RXT327747 SHP327747 SRL327747 TBH327747 TLD327747 TUZ327747 UEV327747 UOR327747 UYN327747 VIJ327747 VSF327747 WCB327747 WLX327747 WVT327747 L393283 JH393283 TD393283 ACZ393283 AMV393283 AWR393283 BGN393283 BQJ393283 CAF393283 CKB393283 CTX393283 DDT393283 DNP393283 DXL393283 EHH393283 ERD393283 FAZ393283 FKV393283 FUR393283 GEN393283 GOJ393283 GYF393283 HIB393283 HRX393283 IBT393283 ILP393283 IVL393283 JFH393283 JPD393283 JYZ393283 KIV393283 KSR393283 LCN393283 LMJ393283 LWF393283 MGB393283 MPX393283 MZT393283 NJP393283 NTL393283 ODH393283 OND393283 OWZ393283 PGV393283 PQR393283 QAN393283 QKJ393283 QUF393283 REB393283 RNX393283 RXT393283 SHP393283 SRL393283 TBH393283 TLD393283 TUZ393283 UEV393283 UOR393283 UYN393283 VIJ393283 VSF393283 WCB393283 WLX393283 WVT393283 L458819 JH458819 TD458819 ACZ458819 AMV458819 AWR458819 BGN458819 BQJ458819 CAF458819 CKB458819 CTX458819 DDT458819 DNP458819 DXL458819 EHH458819 ERD458819 FAZ458819 FKV458819 FUR458819 GEN458819 GOJ458819 GYF458819 HIB458819 HRX458819 IBT458819 ILP458819 IVL458819 JFH458819 JPD458819 JYZ458819 KIV458819 KSR458819 LCN458819 LMJ458819 LWF458819 MGB458819 MPX458819 MZT458819 NJP458819 NTL458819 ODH458819 OND458819 OWZ458819 PGV458819 PQR458819 QAN458819 QKJ458819 QUF458819 REB458819 RNX458819 RXT458819 SHP458819 SRL458819 TBH458819 TLD458819 TUZ458819 UEV458819 UOR458819 UYN458819 VIJ458819 VSF458819 WCB458819 WLX458819 WVT458819 L524355 JH524355 TD524355 ACZ524355 AMV524355 AWR524355 BGN524355 BQJ524355 CAF524355 CKB524355 CTX524355 DDT524355 DNP524355 DXL524355 EHH524355 ERD524355 FAZ524355 FKV524355 FUR524355 GEN524355 GOJ524355 GYF524355 HIB524355 HRX524355 IBT524355 ILP524355 IVL524355 JFH524355 JPD524355 JYZ524355 KIV524355 KSR524355 LCN524355 LMJ524355 LWF524355 MGB524355 MPX524355 MZT524355 NJP524355 NTL524355 ODH524355 OND524355 OWZ524355 PGV524355 PQR524355 QAN524355 QKJ524355 QUF524355 REB524355 RNX524355 RXT524355 SHP524355 SRL524355 TBH524355 TLD524355 TUZ524355 UEV524355 UOR524355 UYN524355 VIJ524355 VSF524355 WCB524355 WLX524355 WVT524355 L589891 JH589891 TD589891 ACZ589891 AMV589891 AWR589891 BGN589891 BQJ589891 CAF589891 CKB589891 CTX589891 DDT589891 DNP589891 DXL589891 EHH589891 ERD589891 FAZ589891 FKV589891 FUR589891 GEN589891 GOJ589891 GYF589891 HIB589891 HRX589891 IBT589891 ILP589891 IVL589891 JFH589891 JPD589891 JYZ589891 KIV589891 KSR589891 LCN589891 LMJ589891 LWF589891 MGB589891 MPX589891 MZT589891 NJP589891 NTL589891 ODH589891 OND589891 OWZ589891 PGV589891 PQR589891 QAN589891 QKJ589891 QUF589891 REB589891 RNX589891 RXT589891 SHP589891 SRL589891 TBH589891 TLD589891 TUZ589891 UEV589891 UOR589891 UYN589891 VIJ589891 VSF589891 WCB589891 WLX589891 WVT589891 L655427 JH655427 TD655427 ACZ655427 AMV655427 AWR655427 BGN655427 BQJ655427 CAF655427 CKB655427 CTX655427 DDT655427 DNP655427 DXL655427 EHH655427 ERD655427 FAZ655427 FKV655427 FUR655427 GEN655427 GOJ655427 GYF655427 HIB655427 HRX655427 IBT655427 ILP655427 IVL655427 JFH655427 JPD655427 JYZ655427 KIV655427 KSR655427 LCN655427 LMJ655427 LWF655427 MGB655427 MPX655427 MZT655427 NJP655427 NTL655427 ODH655427 OND655427 OWZ655427 PGV655427 PQR655427 QAN655427 QKJ655427 QUF655427 REB655427 RNX655427 RXT655427 SHP655427 SRL655427 TBH655427 TLD655427 TUZ655427 UEV655427 UOR655427 UYN655427 VIJ655427 VSF655427 WCB655427 WLX655427 WVT655427 L720963 JH720963 TD720963 ACZ720963 AMV720963 AWR720963 BGN720963 BQJ720963 CAF720963 CKB720963 CTX720963 DDT720963 DNP720963 DXL720963 EHH720963 ERD720963 FAZ720963 FKV720963 FUR720963 GEN720963 GOJ720963 GYF720963 HIB720963 HRX720963 IBT720963 ILP720963 IVL720963 JFH720963 JPD720963 JYZ720963 KIV720963 KSR720963 LCN720963 LMJ720963 LWF720963 MGB720963 MPX720963 MZT720963 NJP720963 NTL720963 ODH720963 OND720963 OWZ720963 PGV720963 PQR720963 QAN720963 QKJ720963 QUF720963 REB720963 RNX720963 RXT720963 SHP720963 SRL720963 TBH720963 TLD720963 TUZ720963 UEV720963 UOR720963 UYN720963 VIJ720963 VSF720963 WCB720963 WLX720963 WVT720963 L786499 JH786499 TD786499 ACZ786499 AMV786499 AWR786499 BGN786499 BQJ786499 CAF786499 CKB786499 CTX786499 DDT786499 DNP786499 DXL786499 EHH786499 ERD786499 FAZ786499 FKV786499 FUR786499 GEN786499 GOJ786499 GYF786499 HIB786499 HRX786499 IBT786499 ILP786499 IVL786499 JFH786499 JPD786499 JYZ786499 KIV786499 KSR786499 LCN786499 LMJ786499 LWF786499 MGB786499 MPX786499 MZT786499 NJP786499 NTL786499 ODH786499 OND786499 OWZ786499 PGV786499 PQR786499 QAN786499 QKJ786499 QUF786499 REB786499 RNX786499 RXT786499 SHP786499 SRL786499 TBH786499 TLD786499 TUZ786499 UEV786499 UOR786499 UYN786499 VIJ786499 VSF786499 WCB786499 WLX786499 WVT786499 L852035 JH852035 TD852035 ACZ852035 AMV852035 AWR852035 BGN852035 BQJ852035 CAF852035 CKB852035 CTX852035 DDT852035 DNP852035 DXL852035 EHH852035 ERD852035 FAZ852035 FKV852035 FUR852035 GEN852035 GOJ852035 GYF852035 HIB852035 HRX852035 IBT852035 ILP852035 IVL852035 JFH852035 JPD852035 JYZ852035 KIV852035 KSR852035 LCN852035 LMJ852035 LWF852035 MGB852035 MPX852035 MZT852035 NJP852035 NTL852035 ODH852035 OND852035 OWZ852035 PGV852035 PQR852035 QAN852035 QKJ852035 QUF852035 REB852035 RNX852035 RXT852035 SHP852035 SRL852035 TBH852035 TLD852035 TUZ852035 UEV852035 UOR852035 UYN852035 VIJ852035 VSF852035 WCB852035 WLX852035 WVT852035 L917571 JH917571 TD917571 ACZ917571 AMV917571 AWR917571 BGN917571 BQJ917571 CAF917571 CKB917571 CTX917571 DDT917571 DNP917571 DXL917571 EHH917571 ERD917571 FAZ917571 FKV917571 FUR917571 GEN917571 GOJ917571 GYF917571 HIB917571 HRX917571 IBT917571 ILP917571 IVL917571 JFH917571 JPD917571 JYZ917571 KIV917571 KSR917571 LCN917571 LMJ917571 LWF917571 MGB917571 MPX917571 MZT917571 NJP917571 NTL917571 ODH917571 OND917571 OWZ917571 PGV917571 PQR917571 QAN917571 QKJ917571 QUF917571 REB917571 RNX917571 RXT917571 SHP917571 SRL917571 TBH917571 TLD917571 TUZ917571 UEV917571 UOR917571 UYN917571 VIJ917571 VSF917571 WCB917571 WLX917571 WVT917571 L983107 JH983107 TD983107 ACZ983107 AMV983107 AWR983107 BGN983107 BQJ983107 CAF983107 CKB983107 CTX983107 DDT983107 DNP983107 DXL983107 EHH983107 ERD983107 FAZ983107 FKV983107 FUR983107 GEN983107 GOJ983107 GYF983107 HIB983107 HRX983107 IBT983107 ILP983107 IVL983107 JFH983107 JPD983107 JYZ983107 KIV983107 KSR983107 LCN983107 LMJ983107 LWF983107 MGB983107 MPX983107 MZT983107 NJP983107 NTL983107 ODH983107 OND983107 OWZ983107 PGV983107 PQR983107 QAN983107 QKJ983107 QUF983107 REB983107 RNX983107 RXT983107 SHP983107 SRL983107 TBH983107 TLD983107 TUZ983107 UEV983107 UOR983107 UYN983107 VIJ983107 VSF983107 WCB983107 WLX983107 WVT983107 M68:M70 JI68:JI70 TE68:TE70 ADA68:ADA70 AMW68:AMW70 AWS68:AWS70 BGO68:BGO70 BQK68:BQK70 CAG68:CAG70 CKC68:CKC70 CTY68:CTY70 DDU68:DDU70 DNQ68:DNQ70 DXM68:DXM70 EHI68:EHI70 ERE68:ERE70 FBA68:FBA70 FKW68:FKW70 FUS68:FUS70 GEO68:GEO70 GOK68:GOK70 GYG68:GYG70 HIC68:HIC70 HRY68:HRY70 IBU68:IBU70 ILQ68:ILQ70 IVM68:IVM70 JFI68:JFI70 JPE68:JPE70 JZA68:JZA70 KIW68:KIW70 KSS68:KSS70 LCO68:LCO70 LMK68:LMK70 LWG68:LWG70 MGC68:MGC70 MPY68:MPY70 MZU68:MZU70 NJQ68:NJQ70 NTM68:NTM70 ODI68:ODI70 ONE68:ONE70 OXA68:OXA70 PGW68:PGW70 PQS68:PQS70 QAO68:QAO70 QKK68:QKK70 QUG68:QUG70 REC68:REC70 RNY68:RNY70 RXU68:RXU70 SHQ68:SHQ70 SRM68:SRM70 TBI68:TBI70 TLE68:TLE70 TVA68:TVA70 UEW68:UEW70 UOS68:UOS70 UYO68:UYO70 VIK68:VIK70 VSG68:VSG70 WCC68:WCC70 WLY68:WLY70 WVU68:WVU70 M65604:M65606 JI65604:JI65606 TE65604:TE65606 ADA65604:ADA65606 AMW65604:AMW65606 AWS65604:AWS65606 BGO65604:BGO65606 BQK65604:BQK65606 CAG65604:CAG65606 CKC65604:CKC65606 CTY65604:CTY65606 DDU65604:DDU65606 DNQ65604:DNQ65606 DXM65604:DXM65606 EHI65604:EHI65606 ERE65604:ERE65606 FBA65604:FBA65606 FKW65604:FKW65606 FUS65604:FUS65606 GEO65604:GEO65606 GOK65604:GOK65606 GYG65604:GYG65606 HIC65604:HIC65606 HRY65604:HRY65606 IBU65604:IBU65606 ILQ65604:ILQ65606 IVM65604:IVM65606 JFI65604:JFI65606 JPE65604:JPE65606 JZA65604:JZA65606 KIW65604:KIW65606 KSS65604:KSS65606 LCO65604:LCO65606 LMK65604:LMK65606 LWG65604:LWG65606 MGC65604:MGC65606 MPY65604:MPY65606 MZU65604:MZU65606 NJQ65604:NJQ65606 NTM65604:NTM65606 ODI65604:ODI65606 ONE65604:ONE65606 OXA65604:OXA65606 PGW65604:PGW65606 PQS65604:PQS65606 QAO65604:QAO65606 QKK65604:QKK65606 QUG65604:QUG65606 REC65604:REC65606 RNY65604:RNY65606 RXU65604:RXU65606 SHQ65604:SHQ65606 SRM65604:SRM65606 TBI65604:TBI65606 TLE65604:TLE65606 TVA65604:TVA65606 UEW65604:UEW65606 UOS65604:UOS65606 UYO65604:UYO65606 VIK65604:VIK65606 VSG65604:VSG65606 WCC65604:WCC65606 WLY65604:WLY65606 WVU65604:WVU65606 M131140:M131142 JI131140:JI131142 TE131140:TE131142 ADA131140:ADA131142 AMW131140:AMW131142 AWS131140:AWS131142 BGO131140:BGO131142 BQK131140:BQK131142 CAG131140:CAG131142 CKC131140:CKC131142 CTY131140:CTY131142 DDU131140:DDU131142 DNQ131140:DNQ131142 DXM131140:DXM131142 EHI131140:EHI131142 ERE131140:ERE131142 FBA131140:FBA131142 FKW131140:FKW131142 FUS131140:FUS131142 GEO131140:GEO131142 GOK131140:GOK131142 GYG131140:GYG131142 HIC131140:HIC131142 HRY131140:HRY131142 IBU131140:IBU131142 ILQ131140:ILQ131142 IVM131140:IVM131142 JFI131140:JFI131142 JPE131140:JPE131142 JZA131140:JZA131142 KIW131140:KIW131142 KSS131140:KSS131142 LCO131140:LCO131142 LMK131140:LMK131142 LWG131140:LWG131142 MGC131140:MGC131142 MPY131140:MPY131142 MZU131140:MZU131142 NJQ131140:NJQ131142 NTM131140:NTM131142 ODI131140:ODI131142 ONE131140:ONE131142 OXA131140:OXA131142 PGW131140:PGW131142 PQS131140:PQS131142 QAO131140:QAO131142 QKK131140:QKK131142 QUG131140:QUG131142 REC131140:REC131142 RNY131140:RNY131142 RXU131140:RXU131142 SHQ131140:SHQ131142 SRM131140:SRM131142 TBI131140:TBI131142 TLE131140:TLE131142 TVA131140:TVA131142 UEW131140:UEW131142 UOS131140:UOS131142 UYO131140:UYO131142 VIK131140:VIK131142 VSG131140:VSG131142 WCC131140:WCC131142 WLY131140:WLY131142 WVU131140:WVU131142 M196676:M196678 JI196676:JI196678 TE196676:TE196678 ADA196676:ADA196678 AMW196676:AMW196678 AWS196676:AWS196678 BGO196676:BGO196678 BQK196676:BQK196678 CAG196676:CAG196678 CKC196676:CKC196678 CTY196676:CTY196678 DDU196676:DDU196678 DNQ196676:DNQ196678 DXM196676:DXM196678 EHI196676:EHI196678 ERE196676:ERE196678 FBA196676:FBA196678 FKW196676:FKW196678 FUS196676:FUS196678 GEO196676:GEO196678 GOK196676:GOK196678 GYG196676:GYG196678 HIC196676:HIC196678 HRY196676:HRY196678 IBU196676:IBU196678 ILQ196676:ILQ196678 IVM196676:IVM196678 JFI196676:JFI196678 JPE196676:JPE196678 JZA196676:JZA196678 KIW196676:KIW196678 KSS196676:KSS196678 LCO196676:LCO196678 LMK196676:LMK196678 LWG196676:LWG196678 MGC196676:MGC196678 MPY196676:MPY196678 MZU196676:MZU196678 NJQ196676:NJQ196678 NTM196676:NTM196678 ODI196676:ODI196678 ONE196676:ONE196678 OXA196676:OXA196678 PGW196676:PGW196678 PQS196676:PQS196678 QAO196676:QAO196678 QKK196676:QKK196678 QUG196676:QUG196678 REC196676:REC196678 RNY196676:RNY196678 RXU196676:RXU196678 SHQ196676:SHQ196678 SRM196676:SRM196678 TBI196676:TBI196678 TLE196676:TLE196678 TVA196676:TVA196678 UEW196676:UEW196678 UOS196676:UOS196678 UYO196676:UYO196678 VIK196676:VIK196678 VSG196676:VSG196678 WCC196676:WCC196678 WLY196676:WLY196678 WVU196676:WVU196678 M262212:M262214 JI262212:JI262214 TE262212:TE262214 ADA262212:ADA262214 AMW262212:AMW262214 AWS262212:AWS262214 BGO262212:BGO262214 BQK262212:BQK262214 CAG262212:CAG262214 CKC262212:CKC262214 CTY262212:CTY262214 DDU262212:DDU262214 DNQ262212:DNQ262214 DXM262212:DXM262214 EHI262212:EHI262214 ERE262212:ERE262214 FBA262212:FBA262214 FKW262212:FKW262214 FUS262212:FUS262214 GEO262212:GEO262214 GOK262212:GOK262214 GYG262212:GYG262214 HIC262212:HIC262214 HRY262212:HRY262214 IBU262212:IBU262214 ILQ262212:ILQ262214 IVM262212:IVM262214 JFI262212:JFI262214 JPE262212:JPE262214 JZA262212:JZA262214 KIW262212:KIW262214 KSS262212:KSS262214 LCO262212:LCO262214 LMK262212:LMK262214 LWG262212:LWG262214 MGC262212:MGC262214 MPY262212:MPY262214 MZU262212:MZU262214 NJQ262212:NJQ262214 NTM262212:NTM262214 ODI262212:ODI262214 ONE262212:ONE262214 OXA262212:OXA262214 PGW262212:PGW262214 PQS262212:PQS262214 QAO262212:QAO262214 QKK262212:QKK262214 QUG262212:QUG262214 REC262212:REC262214 RNY262212:RNY262214 RXU262212:RXU262214 SHQ262212:SHQ262214 SRM262212:SRM262214 TBI262212:TBI262214 TLE262212:TLE262214 TVA262212:TVA262214 UEW262212:UEW262214 UOS262212:UOS262214 UYO262212:UYO262214 VIK262212:VIK262214 VSG262212:VSG262214 WCC262212:WCC262214 WLY262212:WLY262214 WVU262212:WVU262214 M327748:M327750 JI327748:JI327750 TE327748:TE327750 ADA327748:ADA327750 AMW327748:AMW327750 AWS327748:AWS327750 BGO327748:BGO327750 BQK327748:BQK327750 CAG327748:CAG327750 CKC327748:CKC327750 CTY327748:CTY327750 DDU327748:DDU327750 DNQ327748:DNQ327750 DXM327748:DXM327750 EHI327748:EHI327750 ERE327748:ERE327750 FBA327748:FBA327750 FKW327748:FKW327750 FUS327748:FUS327750 GEO327748:GEO327750 GOK327748:GOK327750 GYG327748:GYG327750 HIC327748:HIC327750 HRY327748:HRY327750 IBU327748:IBU327750 ILQ327748:ILQ327750 IVM327748:IVM327750 JFI327748:JFI327750 JPE327748:JPE327750 JZA327748:JZA327750 KIW327748:KIW327750 KSS327748:KSS327750 LCO327748:LCO327750 LMK327748:LMK327750 LWG327748:LWG327750 MGC327748:MGC327750 MPY327748:MPY327750 MZU327748:MZU327750 NJQ327748:NJQ327750 NTM327748:NTM327750 ODI327748:ODI327750 ONE327748:ONE327750 OXA327748:OXA327750 PGW327748:PGW327750 PQS327748:PQS327750 QAO327748:QAO327750 QKK327748:QKK327750 QUG327748:QUG327750 REC327748:REC327750 RNY327748:RNY327750 RXU327748:RXU327750 SHQ327748:SHQ327750 SRM327748:SRM327750 TBI327748:TBI327750 TLE327748:TLE327750 TVA327748:TVA327750 UEW327748:UEW327750 UOS327748:UOS327750 UYO327748:UYO327750 VIK327748:VIK327750 VSG327748:VSG327750 WCC327748:WCC327750 WLY327748:WLY327750 WVU327748:WVU327750 M393284:M393286 JI393284:JI393286 TE393284:TE393286 ADA393284:ADA393286 AMW393284:AMW393286 AWS393284:AWS393286 BGO393284:BGO393286 BQK393284:BQK393286 CAG393284:CAG393286 CKC393284:CKC393286 CTY393284:CTY393286 DDU393284:DDU393286 DNQ393284:DNQ393286 DXM393284:DXM393286 EHI393284:EHI393286 ERE393284:ERE393286 FBA393284:FBA393286 FKW393284:FKW393286 FUS393284:FUS393286 GEO393284:GEO393286 GOK393284:GOK393286 GYG393284:GYG393286 HIC393284:HIC393286 HRY393284:HRY393286 IBU393284:IBU393286 ILQ393284:ILQ393286 IVM393284:IVM393286 JFI393284:JFI393286 JPE393284:JPE393286 JZA393284:JZA393286 KIW393284:KIW393286 KSS393284:KSS393286 LCO393284:LCO393286 LMK393284:LMK393286 LWG393284:LWG393286 MGC393284:MGC393286 MPY393284:MPY393286 MZU393284:MZU393286 NJQ393284:NJQ393286 NTM393284:NTM393286 ODI393284:ODI393286 ONE393284:ONE393286 OXA393284:OXA393286 PGW393284:PGW393286 PQS393284:PQS393286 QAO393284:QAO393286 QKK393284:QKK393286 QUG393284:QUG393286 REC393284:REC393286 RNY393284:RNY393286 RXU393284:RXU393286 SHQ393284:SHQ393286 SRM393284:SRM393286 TBI393284:TBI393286 TLE393284:TLE393286 TVA393284:TVA393286 UEW393284:UEW393286 UOS393284:UOS393286 UYO393284:UYO393286 VIK393284:VIK393286 VSG393284:VSG393286 WCC393284:WCC393286 WLY393284:WLY393286 WVU393284:WVU393286 M458820:M458822 JI458820:JI458822 TE458820:TE458822 ADA458820:ADA458822 AMW458820:AMW458822 AWS458820:AWS458822 BGO458820:BGO458822 BQK458820:BQK458822 CAG458820:CAG458822 CKC458820:CKC458822 CTY458820:CTY458822 DDU458820:DDU458822 DNQ458820:DNQ458822 DXM458820:DXM458822 EHI458820:EHI458822 ERE458820:ERE458822 FBA458820:FBA458822 FKW458820:FKW458822 FUS458820:FUS458822 GEO458820:GEO458822 GOK458820:GOK458822 GYG458820:GYG458822 HIC458820:HIC458822 HRY458820:HRY458822 IBU458820:IBU458822 ILQ458820:ILQ458822 IVM458820:IVM458822 JFI458820:JFI458822 JPE458820:JPE458822 JZA458820:JZA458822 KIW458820:KIW458822 KSS458820:KSS458822 LCO458820:LCO458822 LMK458820:LMK458822 LWG458820:LWG458822 MGC458820:MGC458822 MPY458820:MPY458822 MZU458820:MZU458822 NJQ458820:NJQ458822 NTM458820:NTM458822 ODI458820:ODI458822 ONE458820:ONE458822 OXA458820:OXA458822 PGW458820:PGW458822 PQS458820:PQS458822 QAO458820:QAO458822 QKK458820:QKK458822 QUG458820:QUG458822 REC458820:REC458822 RNY458820:RNY458822 RXU458820:RXU458822 SHQ458820:SHQ458822 SRM458820:SRM458822 TBI458820:TBI458822 TLE458820:TLE458822 TVA458820:TVA458822 UEW458820:UEW458822 UOS458820:UOS458822 UYO458820:UYO458822 VIK458820:VIK458822 VSG458820:VSG458822 WCC458820:WCC458822 WLY458820:WLY458822 WVU458820:WVU458822 M524356:M524358 JI524356:JI524358 TE524356:TE524358 ADA524356:ADA524358 AMW524356:AMW524358 AWS524356:AWS524358 BGO524356:BGO524358 BQK524356:BQK524358 CAG524356:CAG524358 CKC524356:CKC524358 CTY524356:CTY524358 DDU524356:DDU524358 DNQ524356:DNQ524358 DXM524356:DXM524358 EHI524356:EHI524358 ERE524356:ERE524358 FBA524356:FBA524358 FKW524356:FKW524358 FUS524356:FUS524358 GEO524356:GEO524358 GOK524356:GOK524358 GYG524356:GYG524358 HIC524356:HIC524358 HRY524356:HRY524358 IBU524356:IBU524358 ILQ524356:ILQ524358 IVM524356:IVM524358 JFI524356:JFI524358 JPE524356:JPE524358 JZA524356:JZA524358 KIW524356:KIW524358 KSS524356:KSS524358 LCO524356:LCO524358 LMK524356:LMK524358 LWG524356:LWG524358 MGC524356:MGC524358 MPY524356:MPY524358 MZU524356:MZU524358 NJQ524356:NJQ524358 NTM524356:NTM524358 ODI524356:ODI524358 ONE524356:ONE524358 OXA524356:OXA524358 PGW524356:PGW524358 PQS524356:PQS524358 QAO524356:QAO524358 QKK524356:QKK524358 QUG524356:QUG524358 REC524356:REC524358 RNY524356:RNY524358 RXU524356:RXU524358 SHQ524356:SHQ524358 SRM524356:SRM524358 TBI524356:TBI524358 TLE524356:TLE524358 TVA524356:TVA524358 UEW524356:UEW524358 UOS524356:UOS524358 UYO524356:UYO524358 VIK524356:VIK524358 VSG524356:VSG524358 WCC524356:WCC524358 WLY524356:WLY524358 WVU524356:WVU524358 M589892:M589894 JI589892:JI589894 TE589892:TE589894 ADA589892:ADA589894 AMW589892:AMW589894 AWS589892:AWS589894 BGO589892:BGO589894 BQK589892:BQK589894 CAG589892:CAG589894 CKC589892:CKC589894 CTY589892:CTY589894 DDU589892:DDU589894 DNQ589892:DNQ589894 DXM589892:DXM589894 EHI589892:EHI589894 ERE589892:ERE589894 FBA589892:FBA589894 FKW589892:FKW589894 FUS589892:FUS589894 GEO589892:GEO589894 GOK589892:GOK589894 GYG589892:GYG589894 HIC589892:HIC589894 HRY589892:HRY589894 IBU589892:IBU589894 ILQ589892:ILQ589894 IVM589892:IVM589894 JFI589892:JFI589894 JPE589892:JPE589894 JZA589892:JZA589894 KIW589892:KIW589894 KSS589892:KSS589894 LCO589892:LCO589894 LMK589892:LMK589894 LWG589892:LWG589894 MGC589892:MGC589894 MPY589892:MPY589894 MZU589892:MZU589894 NJQ589892:NJQ589894 NTM589892:NTM589894 ODI589892:ODI589894 ONE589892:ONE589894 OXA589892:OXA589894 PGW589892:PGW589894 PQS589892:PQS589894 QAO589892:QAO589894 QKK589892:QKK589894 QUG589892:QUG589894 REC589892:REC589894 RNY589892:RNY589894 RXU589892:RXU589894 SHQ589892:SHQ589894 SRM589892:SRM589894 TBI589892:TBI589894 TLE589892:TLE589894 TVA589892:TVA589894 UEW589892:UEW589894 UOS589892:UOS589894 UYO589892:UYO589894 VIK589892:VIK589894 VSG589892:VSG589894 WCC589892:WCC589894 WLY589892:WLY589894 WVU589892:WVU589894 M655428:M655430 JI655428:JI655430 TE655428:TE655430 ADA655428:ADA655430 AMW655428:AMW655430 AWS655428:AWS655430 BGO655428:BGO655430 BQK655428:BQK655430 CAG655428:CAG655430 CKC655428:CKC655430 CTY655428:CTY655430 DDU655428:DDU655430 DNQ655428:DNQ655430 DXM655428:DXM655430 EHI655428:EHI655430 ERE655428:ERE655430 FBA655428:FBA655430 FKW655428:FKW655430 FUS655428:FUS655430 GEO655428:GEO655430 GOK655428:GOK655430 GYG655428:GYG655430 HIC655428:HIC655430 HRY655428:HRY655430 IBU655428:IBU655430 ILQ655428:ILQ655430 IVM655428:IVM655430 JFI655428:JFI655430 JPE655428:JPE655430 JZA655428:JZA655430 KIW655428:KIW655430 KSS655428:KSS655430 LCO655428:LCO655430 LMK655428:LMK655430 LWG655428:LWG655430 MGC655428:MGC655430 MPY655428:MPY655430 MZU655428:MZU655430 NJQ655428:NJQ655430 NTM655428:NTM655430 ODI655428:ODI655430 ONE655428:ONE655430 OXA655428:OXA655430 PGW655428:PGW655430 PQS655428:PQS655430 QAO655428:QAO655430 QKK655428:QKK655430 QUG655428:QUG655430 REC655428:REC655430 RNY655428:RNY655430 RXU655428:RXU655430 SHQ655428:SHQ655430 SRM655428:SRM655430 TBI655428:TBI655430 TLE655428:TLE655430 TVA655428:TVA655430 UEW655428:UEW655430 UOS655428:UOS655430 UYO655428:UYO655430 VIK655428:VIK655430 VSG655428:VSG655430 WCC655428:WCC655430 WLY655428:WLY655430 WVU655428:WVU655430 M720964:M720966 JI720964:JI720966 TE720964:TE720966 ADA720964:ADA720966 AMW720964:AMW720966 AWS720964:AWS720966 BGO720964:BGO720966 BQK720964:BQK720966 CAG720964:CAG720966 CKC720964:CKC720966 CTY720964:CTY720966 DDU720964:DDU720966 DNQ720964:DNQ720966 DXM720964:DXM720966 EHI720964:EHI720966 ERE720964:ERE720966 FBA720964:FBA720966 FKW720964:FKW720966 FUS720964:FUS720966 GEO720964:GEO720966 GOK720964:GOK720966 GYG720964:GYG720966 HIC720964:HIC720966 HRY720964:HRY720966 IBU720964:IBU720966 ILQ720964:ILQ720966 IVM720964:IVM720966 JFI720964:JFI720966 JPE720964:JPE720966 JZA720964:JZA720966 KIW720964:KIW720966 KSS720964:KSS720966 LCO720964:LCO720966 LMK720964:LMK720966 LWG720964:LWG720966 MGC720964:MGC720966 MPY720964:MPY720966 MZU720964:MZU720966 NJQ720964:NJQ720966 NTM720964:NTM720966 ODI720964:ODI720966 ONE720964:ONE720966 OXA720964:OXA720966 PGW720964:PGW720966 PQS720964:PQS720966 QAO720964:QAO720966 QKK720964:QKK720966 QUG720964:QUG720966 REC720964:REC720966 RNY720964:RNY720966 RXU720964:RXU720966 SHQ720964:SHQ720966 SRM720964:SRM720966 TBI720964:TBI720966 TLE720964:TLE720966 TVA720964:TVA720966 UEW720964:UEW720966 UOS720964:UOS720966 UYO720964:UYO720966 VIK720964:VIK720966 VSG720964:VSG720966 WCC720964:WCC720966 WLY720964:WLY720966 WVU720964:WVU720966 M786500:M786502 JI786500:JI786502 TE786500:TE786502 ADA786500:ADA786502 AMW786500:AMW786502 AWS786500:AWS786502 BGO786500:BGO786502 BQK786500:BQK786502 CAG786500:CAG786502 CKC786500:CKC786502 CTY786500:CTY786502 DDU786500:DDU786502 DNQ786500:DNQ786502 DXM786500:DXM786502 EHI786500:EHI786502 ERE786500:ERE786502 FBA786500:FBA786502 FKW786500:FKW786502 FUS786500:FUS786502 GEO786500:GEO786502 GOK786500:GOK786502 GYG786500:GYG786502 HIC786500:HIC786502 HRY786500:HRY786502 IBU786500:IBU786502 ILQ786500:ILQ786502 IVM786500:IVM786502 JFI786500:JFI786502 JPE786500:JPE786502 JZA786500:JZA786502 KIW786500:KIW786502 KSS786500:KSS786502 LCO786500:LCO786502 LMK786500:LMK786502 LWG786500:LWG786502 MGC786500:MGC786502 MPY786500:MPY786502 MZU786500:MZU786502 NJQ786500:NJQ786502 NTM786500:NTM786502 ODI786500:ODI786502 ONE786500:ONE786502 OXA786500:OXA786502 PGW786500:PGW786502 PQS786500:PQS786502 QAO786500:QAO786502 QKK786500:QKK786502 QUG786500:QUG786502 REC786500:REC786502 RNY786500:RNY786502 RXU786500:RXU786502 SHQ786500:SHQ786502 SRM786500:SRM786502 TBI786500:TBI786502 TLE786500:TLE786502 TVA786500:TVA786502 UEW786500:UEW786502 UOS786500:UOS786502 UYO786500:UYO786502 VIK786500:VIK786502 VSG786500:VSG786502 WCC786500:WCC786502 WLY786500:WLY786502 WVU786500:WVU786502 M852036:M852038 JI852036:JI852038 TE852036:TE852038 ADA852036:ADA852038 AMW852036:AMW852038 AWS852036:AWS852038 BGO852036:BGO852038 BQK852036:BQK852038 CAG852036:CAG852038 CKC852036:CKC852038 CTY852036:CTY852038 DDU852036:DDU852038 DNQ852036:DNQ852038 DXM852036:DXM852038 EHI852036:EHI852038 ERE852036:ERE852038 FBA852036:FBA852038 FKW852036:FKW852038 FUS852036:FUS852038 GEO852036:GEO852038 GOK852036:GOK852038 GYG852036:GYG852038 HIC852036:HIC852038 HRY852036:HRY852038 IBU852036:IBU852038 ILQ852036:ILQ852038 IVM852036:IVM852038 JFI852036:JFI852038 JPE852036:JPE852038 JZA852036:JZA852038 KIW852036:KIW852038 KSS852036:KSS852038 LCO852036:LCO852038 LMK852036:LMK852038 LWG852036:LWG852038 MGC852036:MGC852038 MPY852036:MPY852038 MZU852036:MZU852038 NJQ852036:NJQ852038 NTM852036:NTM852038 ODI852036:ODI852038 ONE852036:ONE852038 OXA852036:OXA852038 PGW852036:PGW852038 PQS852036:PQS852038 QAO852036:QAO852038 QKK852036:QKK852038 QUG852036:QUG852038 REC852036:REC852038 RNY852036:RNY852038 RXU852036:RXU852038 SHQ852036:SHQ852038 SRM852036:SRM852038 TBI852036:TBI852038 TLE852036:TLE852038 TVA852036:TVA852038 UEW852036:UEW852038 UOS852036:UOS852038 UYO852036:UYO852038 VIK852036:VIK852038 VSG852036:VSG852038 WCC852036:WCC852038 WLY852036:WLY852038 WVU852036:WVU852038 M917572:M917574 JI917572:JI917574 TE917572:TE917574 ADA917572:ADA917574 AMW917572:AMW917574 AWS917572:AWS917574 BGO917572:BGO917574 BQK917572:BQK917574 CAG917572:CAG917574 CKC917572:CKC917574 CTY917572:CTY917574 DDU917572:DDU917574 DNQ917572:DNQ917574 DXM917572:DXM917574 EHI917572:EHI917574 ERE917572:ERE917574 FBA917572:FBA917574 FKW917572:FKW917574 FUS917572:FUS917574 GEO917572:GEO917574 GOK917572:GOK917574 GYG917572:GYG917574 HIC917572:HIC917574 HRY917572:HRY917574 IBU917572:IBU917574 ILQ917572:ILQ917574 IVM917572:IVM917574 JFI917572:JFI917574 JPE917572:JPE917574 JZA917572:JZA917574 KIW917572:KIW917574 KSS917572:KSS917574 LCO917572:LCO917574 LMK917572:LMK917574 LWG917572:LWG917574 MGC917572:MGC917574 MPY917572:MPY917574 MZU917572:MZU917574 NJQ917572:NJQ917574 NTM917572:NTM917574 ODI917572:ODI917574 ONE917572:ONE917574 OXA917572:OXA917574 PGW917572:PGW917574 PQS917572:PQS917574 QAO917572:QAO917574 QKK917572:QKK917574 QUG917572:QUG917574 REC917572:REC917574 RNY917572:RNY917574 RXU917572:RXU917574 SHQ917572:SHQ917574 SRM917572:SRM917574 TBI917572:TBI917574 TLE917572:TLE917574 TVA917572:TVA917574 UEW917572:UEW917574 UOS917572:UOS917574 UYO917572:UYO917574 VIK917572:VIK917574 VSG917572:VSG917574 WCC917572:WCC917574 WLY917572:WLY917574 WVU917572:WVU917574 M983108:M983110 JI983108:JI983110 TE983108:TE983110 ADA983108:ADA983110 AMW983108:AMW983110 AWS983108:AWS983110 BGO983108:BGO983110 BQK983108:BQK983110 CAG983108:CAG983110 CKC983108:CKC983110 CTY983108:CTY983110 DDU983108:DDU983110 DNQ983108:DNQ983110 DXM983108:DXM983110 EHI983108:EHI983110 ERE983108:ERE983110 FBA983108:FBA983110 FKW983108:FKW983110 FUS983108:FUS983110 GEO983108:GEO983110 GOK983108:GOK983110 GYG983108:GYG983110 HIC983108:HIC983110 HRY983108:HRY983110 IBU983108:IBU983110 ILQ983108:ILQ983110 IVM983108:IVM983110 JFI983108:JFI983110 JPE983108:JPE983110 JZA983108:JZA983110 KIW983108:KIW983110 KSS983108:KSS983110 LCO983108:LCO983110 LMK983108:LMK983110 LWG983108:LWG983110 MGC983108:MGC983110 MPY983108:MPY983110 MZU983108:MZU983110 NJQ983108:NJQ983110 NTM983108:NTM983110 ODI983108:ODI983110 ONE983108:ONE983110 OXA983108:OXA983110 PGW983108:PGW983110 PQS983108:PQS983110 QAO983108:QAO983110 QKK983108:QKK983110 QUG983108:QUG983110 REC983108:REC983110 RNY983108:RNY983110 RXU983108:RXU983110 SHQ983108:SHQ983110 SRM983108:SRM983110 TBI983108:TBI983110 TLE983108:TLE983110 TVA983108:TVA983110 UEW983108:UEW983110 UOS983108:UOS983110 UYO983108:UYO983110 VIK983108:VIK983110 VSG983108:VSG983110 WCC983108:WCC983110 WLY983108:WLY983110 WVU983108:WVU983110 Q68:Q70 JM68:JM70 TI68:TI70 ADE68:ADE70 ANA68:ANA70 AWW68:AWW70 BGS68:BGS70 BQO68:BQO70 CAK68:CAK70 CKG68:CKG70 CUC68:CUC70 DDY68:DDY70 DNU68:DNU70 DXQ68:DXQ70 EHM68:EHM70 ERI68:ERI70 FBE68:FBE70 FLA68:FLA70 FUW68:FUW70 GES68:GES70 GOO68:GOO70 GYK68:GYK70 HIG68:HIG70 HSC68:HSC70 IBY68:IBY70 ILU68:ILU70 IVQ68:IVQ70 JFM68:JFM70 JPI68:JPI70 JZE68:JZE70 KJA68:KJA70 KSW68:KSW70 LCS68:LCS70 LMO68:LMO70 LWK68:LWK70 MGG68:MGG70 MQC68:MQC70 MZY68:MZY70 NJU68:NJU70 NTQ68:NTQ70 ODM68:ODM70 ONI68:ONI70 OXE68:OXE70 PHA68:PHA70 PQW68:PQW70 QAS68:QAS70 QKO68:QKO70 QUK68:QUK70 REG68:REG70 ROC68:ROC70 RXY68:RXY70 SHU68:SHU70 SRQ68:SRQ70 TBM68:TBM70 TLI68:TLI70 TVE68:TVE70 UFA68:UFA70 UOW68:UOW70 UYS68:UYS70 VIO68:VIO70 VSK68:VSK70 WCG68:WCG70 WMC68:WMC70 WVY68:WVY70 Q65604:Q65606 JM65604:JM65606 TI65604:TI65606 ADE65604:ADE65606 ANA65604:ANA65606 AWW65604:AWW65606 BGS65604:BGS65606 BQO65604:BQO65606 CAK65604:CAK65606 CKG65604:CKG65606 CUC65604:CUC65606 DDY65604:DDY65606 DNU65604:DNU65606 DXQ65604:DXQ65606 EHM65604:EHM65606 ERI65604:ERI65606 FBE65604:FBE65606 FLA65604:FLA65606 FUW65604:FUW65606 GES65604:GES65606 GOO65604:GOO65606 GYK65604:GYK65606 HIG65604:HIG65606 HSC65604:HSC65606 IBY65604:IBY65606 ILU65604:ILU65606 IVQ65604:IVQ65606 JFM65604:JFM65606 JPI65604:JPI65606 JZE65604:JZE65606 KJA65604:KJA65606 KSW65604:KSW65606 LCS65604:LCS65606 LMO65604:LMO65606 LWK65604:LWK65606 MGG65604:MGG65606 MQC65604:MQC65606 MZY65604:MZY65606 NJU65604:NJU65606 NTQ65604:NTQ65606 ODM65604:ODM65606 ONI65604:ONI65606 OXE65604:OXE65606 PHA65604:PHA65606 PQW65604:PQW65606 QAS65604:QAS65606 QKO65604:QKO65606 QUK65604:QUK65606 REG65604:REG65606 ROC65604:ROC65606 RXY65604:RXY65606 SHU65604:SHU65606 SRQ65604:SRQ65606 TBM65604:TBM65606 TLI65604:TLI65606 TVE65604:TVE65606 UFA65604:UFA65606 UOW65604:UOW65606 UYS65604:UYS65606 VIO65604:VIO65606 VSK65604:VSK65606 WCG65604:WCG65606 WMC65604:WMC65606 WVY65604:WVY65606 Q131140:Q131142 JM131140:JM131142 TI131140:TI131142 ADE131140:ADE131142 ANA131140:ANA131142 AWW131140:AWW131142 BGS131140:BGS131142 BQO131140:BQO131142 CAK131140:CAK131142 CKG131140:CKG131142 CUC131140:CUC131142 DDY131140:DDY131142 DNU131140:DNU131142 DXQ131140:DXQ131142 EHM131140:EHM131142 ERI131140:ERI131142 FBE131140:FBE131142 FLA131140:FLA131142 FUW131140:FUW131142 GES131140:GES131142 GOO131140:GOO131142 GYK131140:GYK131142 HIG131140:HIG131142 HSC131140:HSC131142 IBY131140:IBY131142 ILU131140:ILU131142 IVQ131140:IVQ131142 JFM131140:JFM131142 JPI131140:JPI131142 JZE131140:JZE131142 KJA131140:KJA131142 KSW131140:KSW131142 LCS131140:LCS131142 LMO131140:LMO131142 LWK131140:LWK131142 MGG131140:MGG131142 MQC131140:MQC131142 MZY131140:MZY131142 NJU131140:NJU131142 NTQ131140:NTQ131142 ODM131140:ODM131142 ONI131140:ONI131142 OXE131140:OXE131142 PHA131140:PHA131142 PQW131140:PQW131142 QAS131140:QAS131142 QKO131140:QKO131142 QUK131140:QUK131142 REG131140:REG131142 ROC131140:ROC131142 RXY131140:RXY131142 SHU131140:SHU131142 SRQ131140:SRQ131142 TBM131140:TBM131142 TLI131140:TLI131142 TVE131140:TVE131142 UFA131140:UFA131142 UOW131140:UOW131142 UYS131140:UYS131142 VIO131140:VIO131142 VSK131140:VSK131142 WCG131140:WCG131142 WMC131140:WMC131142 WVY131140:WVY131142 Q196676:Q196678 JM196676:JM196678 TI196676:TI196678 ADE196676:ADE196678 ANA196676:ANA196678 AWW196676:AWW196678 BGS196676:BGS196678 BQO196676:BQO196678 CAK196676:CAK196678 CKG196676:CKG196678 CUC196676:CUC196678 DDY196676:DDY196678 DNU196676:DNU196678 DXQ196676:DXQ196678 EHM196676:EHM196678 ERI196676:ERI196678 FBE196676:FBE196678 FLA196676:FLA196678 FUW196676:FUW196678 GES196676:GES196678 GOO196676:GOO196678 GYK196676:GYK196678 HIG196676:HIG196678 HSC196676:HSC196678 IBY196676:IBY196678 ILU196676:ILU196678 IVQ196676:IVQ196678 JFM196676:JFM196678 JPI196676:JPI196678 JZE196676:JZE196678 KJA196676:KJA196678 KSW196676:KSW196678 LCS196676:LCS196678 LMO196676:LMO196678 LWK196676:LWK196678 MGG196676:MGG196678 MQC196676:MQC196678 MZY196676:MZY196678 NJU196676:NJU196678 NTQ196676:NTQ196678 ODM196676:ODM196678 ONI196676:ONI196678 OXE196676:OXE196678 PHA196676:PHA196678 PQW196676:PQW196678 QAS196676:QAS196678 QKO196676:QKO196678 QUK196676:QUK196678 REG196676:REG196678 ROC196676:ROC196678 RXY196676:RXY196678 SHU196676:SHU196678 SRQ196676:SRQ196678 TBM196676:TBM196678 TLI196676:TLI196678 TVE196676:TVE196678 UFA196676:UFA196678 UOW196676:UOW196678 UYS196676:UYS196678 VIO196676:VIO196678 VSK196676:VSK196678 WCG196676:WCG196678 WMC196676:WMC196678 WVY196676:WVY196678 Q262212:Q262214 JM262212:JM262214 TI262212:TI262214 ADE262212:ADE262214 ANA262212:ANA262214 AWW262212:AWW262214 BGS262212:BGS262214 BQO262212:BQO262214 CAK262212:CAK262214 CKG262212:CKG262214 CUC262212:CUC262214 DDY262212:DDY262214 DNU262212:DNU262214 DXQ262212:DXQ262214 EHM262212:EHM262214 ERI262212:ERI262214 FBE262212:FBE262214 FLA262212:FLA262214 FUW262212:FUW262214 GES262212:GES262214 GOO262212:GOO262214 GYK262212:GYK262214 HIG262212:HIG262214 HSC262212:HSC262214 IBY262212:IBY262214 ILU262212:ILU262214 IVQ262212:IVQ262214 JFM262212:JFM262214 JPI262212:JPI262214 JZE262212:JZE262214 KJA262212:KJA262214 KSW262212:KSW262214 LCS262212:LCS262214 LMO262212:LMO262214 LWK262212:LWK262214 MGG262212:MGG262214 MQC262212:MQC262214 MZY262212:MZY262214 NJU262212:NJU262214 NTQ262212:NTQ262214 ODM262212:ODM262214 ONI262212:ONI262214 OXE262212:OXE262214 PHA262212:PHA262214 PQW262212:PQW262214 QAS262212:QAS262214 QKO262212:QKO262214 QUK262212:QUK262214 REG262212:REG262214 ROC262212:ROC262214 RXY262212:RXY262214 SHU262212:SHU262214 SRQ262212:SRQ262214 TBM262212:TBM262214 TLI262212:TLI262214 TVE262212:TVE262214 UFA262212:UFA262214 UOW262212:UOW262214 UYS262212:UYS262214 VIO262212:VIO262214 VSK262212:VSK262214 WCG262212:WCG262214 WMC262212:WMC262214 WVY262212:WVY262214 Q327748:Q327750 JM327748:JM327750 TI327748:TI327750 ADE327748:ADE327750 ANA327748:ANA327750 AWW327748:AWW327750 BGS327748:BGS327750 BQO327748:BQO327750 CAK327748:CAK327750 CKG327748:CKG327750 CUC327748:CUC327750 DDY327748:DDY327750 DNU327748:DNU327750 DXQ327748:DXQ327750 EHM327748:EHM327750 ERI327748:ERI327750 FBE327748:FBE327750 FLA327748:FLA327750 FUW327748:FUW327750 GES327748:GES327750 GOO327748:GOO327750 GYK327748:GYK327750 HIG327748:HIG327750 HSC327748:HSC327750 IBY327748:IBY327750 ILU327748:ILU327750 IVQ327748:IVQ327750 JFM327748:JFM327750 JPI327748:JPI327750 JZE327748:JZE327750 KJA327748:KJA327750 KSW327748:KSW327750 LCS327748:LCS327750 LMO327748:LMO327750 LWK327748:LWK327750 MGG327748:MGG327750 MQC327748:MQC327750 MZY327748:MZY327750 NJU327748:NJU327750 NTQ327748:NTQ327750 ODM327748:ODM327750 ONI327748:ONI327750 OXE327748:OXE327750 PHA327748:PHA327750 PQW327748:PQW327750 QAS327748:QAS327750 QKO327748:QKO327750 QUK327748:QUK327750 REG327748:REG327750 ROC327748:ROC327750 RXY327748:RXY327750 SHU327748:SHU327750 SRQ327748:SRQ327750 TBM327748:TBM327750 TLI327748:TLI327750 TVE327748:TVE327750 UFA327748:UFA327750 UOW327748:UOW327750 UYS327748:UYS327750 VIO327748:VIO327750 VSK327748:VSK327750 WCG327748:WCG327750 WMC327748:WMC327750 WVY327748:WVY327750 Q393284:Q393286 JM393284:JM393286 TI393284:TI393286 ADE393284:ADE393286 ANA393284:ANA393286 AWW393284:AWW393286 BGS393284:BGS393286 BQO393284:BQO393286 CAK393284:CAK393286 CKG393284:CKG393286 CUC393284:CUC393286 DDY393284:DDY393286 DNU393284:DNU393286 DXQ393284:DXQ393286 EHM393284:EHM393286 ERI393284:ERI393286 FBE393284:FBE393286 FLA393284:FLA393286 FUW393284:FUW393286 GES393284:GES393286 GOO393284:GOO393286 GYK393284:GYK393286 HIG393284:HIG393286 HSC393284:HSC393286 IBY393284:IBY393286 ILU393284:ILU393286 IVQ393284:IVQ393286 JFM393284:JFM393286 JPI393284:JPI393286 JZE393284:JZE393286 KJA393284:KJA393286 KSW393284:KSW393286 LCS393284:LCS393286 LMO393284:LMO393286 LWK393284:LWK393286 MGG393284:MGG393286 MQC393284:MQC393286 MZY393284:MZY393286 NJU393284:NJU393286 NTQ393284:NTQ393286 ODM393284:ODM393286 ONI393284:ONI393286 OXE393284:OXE393286 PHA393284:PHA393286 PQW393284:PQW393286 QAS393284:QAS393286 QKO393284:QKO393286 QUK393284:QUK393286 REG393284:REG393286 ROC393284:ROC393286 RXY393284:RXY393286 SHU393284:SHU393286 SRQ393284:SRQ393286 TBM393284:TBM393286 TLI393284:TLI393286 TVE393284:TVE393286 UFA393284:UFA393286 UOW393284:UOW393286 UYS393284:UYS393286 VIO393284:VIO393286 VSK393284:VSK393286 WCG393284:WCG393286 WMC393284:WMC393286 WVY393284:WVY393286 Q458820:Q458822 JM458820:JM458822 TI458820:TI458822 ADE458820:ADE458822 ANA458820:ANA458822 AWW458820:AWW458822 BGS458820:BGS458822 BQO458820:BQO458822 CAK458820:CAK458822 CKG458820:CKG458822 CUC458820:CUC458822 DDY458820:DDY458822 DNU458820:DNU458822 DXQ458820:DXQ458822 EHM458820:EHM458822 ERI458820:ERI458822 FBE458820:FBE458822 FLA458820:FLA458822 FUW458820:FUW458822 GES458820:GES458822 GOO458820:GOO458822 GYK458820:GYK458822 HIG458820:HIG458822 HSC458820:HSC458822 IBY458820:IBY458822 ILU458820:ILU458822 IVQ458820:IVQ458822 JFM458820:JFM458822 JPI458820:JPI458822 JZE458820:JZE458822 KJA458820:KJA458822 KSW458820:KSW458822 LCS458820:LCS458822 LMO458820:LMO458822 LWK458820:LWK458822 MGG458820:MGG458822 MQC458820:MQC458822 MZY458820:MZY458822 NJU458820:NJU458822 NTQ458820:NTQ458822 ODM458820:ODM458822 ONI458820:ONI458822 OXE458820:OXE458822 PHA458820:PHA458822 PQW458820:PQW458822 QAS458820:QAS458822 QKO458820:QKO458822 QUK458820:QUK458822 REG458820:REG458822 ROC458820:ROC458822 RXY458820:RXY458822 SHU458820:SHU458822 SRQ458820:SRQ458822 TBM458820:TBM458822 TLI458820:TLI458822 TVE458820:TVE458822 UFA458820:UFA458822 UOW458820:UOW458822 UYS458820:UYS458822 VIO458820:VIO458822 VSK458820:VSK458822 WCG458820:WCG458822 WMC458820:WMC458822 WVY458820:WVY458822 Q524356:Q524358 JM524356:JM524358 TI524356:TI524358 ADE524356:ADE524358 ANA524356:ANA524358 AWW524356:AWW524358 BGS524356:BGS524358 BQO524356:BQO524358 CAK524356:CAK524358 CKG524356:CKG524358 CUC524356:CUC524358 DDY524356:DDY524358 DNU524356:DNU524358 DXQ524356:DXQ524358 EHM524356:EHM524358 ERI524356:ERI524358 FBE524356:FBE524358 FLA524356:FLA524358 FUW524356:FUW524358 GES524356:GES524358 GOO524356:GOO524358 GYK524356:GYK524358 HIG524356:HIG524358 HSC524356:HSC524358 IBY524356:IBY524358 ILU524356:ILU524358 IVQ524356:IVQ524358 JFM524356:JFM524358 JPI524356:JPI524358 JZE524356:JZE524358 KJA524356:KJA524358 KSW524356:KSW524358 LCS524356:LCS524358 LMO524356:LMO524358 LWK524356:LWK524358 MGG524356:MGG524358 MQC524356:MQC524358 MZY524356:MZY524358 NJU524356:NJU524358 NTQ524356:NTQ524358 ODM524356:ODM524358 ONI524356:ONI524358 OXE524356:OXE524358 PHA524356:PHA524358 PQW524356:PQW524358 QAS524356:QAS524358 QKO524356:QKO524358 QUK524356:QUK524358 REG524356:REG524358 ROC524356:ROC524358 RXY524356:RXY524358 SHU524356:SHU524358 SRQ524356:SRQ524358 TBM524356:TBM524358 TLI524356:TLI524358 TVE524356:TVE524358 UFA524356:UFA524358 UOW524356:UOW524358 UYS524356:UYS524358 VIO524356:VIO524358 VSK524356:VSK524358 WCG524356:WCG524358 WMC524356:WMC524358 WVY524356:WVY524358 Q589892:Q589894 JM589892:JM589894 TI589892:TI589894 ADE589892:ADE589894 ANA589892:ANA589894 AWW589892:AWW589894 BGS589892:BGS589894 BQO589892:BQO589894 CAK589892:CAK589894 CKG589892:CKG589894 CUC589892:CUC589894 DDY589892:DDY589894 DNU589892:DNU589894 DXQ589892:DXQ589894 EHM589892:EHM589894 ERI589892:ERI589894 FBE589892:FBE589894 FLA589892:FLA589894 FUW589892:FUW589894 GES589892:GES589894 GOO589892:GOO589894 GYK589892:GYK589894 HIG589892:HIG589894 HSC589892:HSC589894 IBY589892:IBY589894 ILU589892:ILU589894 IVQ589892:IVQ589894 JFM589892:JFM589894 JPI589892:JPI589894 JZE589892:JZE589894 KJA589892:KJA589894 KSW589892:KSW589894 LCS589892:LCS589894 LMO589892:LMO589894 LWK589892:LWK589894 MGG589892:MGG589894 MQC589892:MQC589894 MZY589892:MZY589894 NJU589892:NJU589894 NTQ589892:NTQ589894 ODM589892:ODM589894 ONI589892:ONI589894 OXE589892:OXE589894 PHA589892:PHA589894 PQW589892:PQW589894 QAS589892:QAS589894 QKO589892:QKO589894 QUK589892:QUK589894 REG589892:REG589894 ROC589892:ROC589894 RXY589892:RXY589894 SHU589892:SHU589894 SRQ589892:SRQ589894 TBM589892:TBM589894 TLI589892:TLI589894 TVE589892:TVE589894 UFA589892:UFA589894 UOW589892:UOW589894 UYS589892:UYS589894 VIO589892:VIO589894 VSK589892:VSK589894 WCG589892:WCG589894 WMC589892:WMC589894 WVY589892:WVY589894 Q655428:Q655430 JM655428:JM655430 TI655428:TI655430 ADE655428:ADE655430 ANA655428:ANA655430 AWW655428:AWW655430 BGS655428:BGS655430 BQO655428:BQO655430 CAK655428:CAK655430 CKG655428:CKG655430 CUC655428:CUC655430 DDY655428:DDY655430 DNU655428:DNU655430 DXQ655428:DXQ655430 EHM655428:EHM655430 ERI655428:ERI655430 FBE655428:FBE655430 FLA655428:FLA655430 FUW655428:FUW655430 GES655428:GES655430 GOO655428:GOO655430 GYK655428:GYK655430 HIG655428:HIG655430 HSC655428:HSC655430 IBY655428:IBY655430 ILU655428:ILU655430 IVQ655428:IVQ655430 JFM655428:JFM655430 JPI655428:JPI655430 JZE655428:JZE655430 KJA655428:KJA655430 KSW655428:KSW655430 LCS655428:LCS655430 LMO655428:LMO655430 LWK655428:LWK655430 MGG655428:MGG655430 MQC655428:MQC655430 MZY655428:MZY655430 NJU655428:NJU655430 NTQ655428:NTQ655430 ODM655428:ODM655430 ONI655428:ONI655430 OXE655428:OXE655430 PHA655428:PHA655430 PQW655428:PQW655430 QAS655428:QAS655430 QKO655428:QKO655430 QUK655428:QUK655430 REG655428:REG655430 ROC655428:ROC655430 RXY655428:RXY655430 SHU655428:SHU655430 SRQ655428:SRQ655430 TBM655428:TBM655430 TLI655428:TLI655430 TVE655428:TVE655430 UFA655428:UFA655430 UOW655428:UOW655430 UYS655428:UYS655430 VIO655428:VIO655430 VSK655428:VSK655430 WCG655428:WCG655430 WMC655428:WMC655430 WVY655428:WVY655430 Q720964:Q720966 JM720964:JM720966 TI720964:TI720966 ADE720964:ADE720966 ANA720964:ANA720966 AWW720964:AWW720966 BGS720964:BGS720966 BQO720964:BQO720966 CAK720964:CAK720966 CKG720964:CKG720966 CUC720964:CUC720966 DDY720964:DDY720966 DNU720964:DNU720966 DXQ720964:DXQ720966 EHM720964:EHM720966 ERI720964:ERI720966 FBE720964:FBE720966 FLA720964:FLA720966 FUW720964:FUW720966 GES720964:GES720966 GOO720964:GOO720966 GYK720964:GYK720966 HIG720964:HIG720966 HSC720964:HSC720966 IBY720964:IBY720966 ILU720964:ILU720966 IVQ720964:IVQ720966 JFM720964:JFM720966 JPI720964:JPI720966 JZE720964:JZE720966 KJA720964:KJA720966 KSW720964:KSW720966 LCS720964:LCS720966 LMO720964:LMO720966 LWK720964:LWK720966 MGG720964:MGG720966 MQC720964:MQC720966 MZY720964:MZY720966 NJU720964:NJU720966 NTQ720964:NTQ720966 ODM720964:ODM720966 ONI720964:ONI720966 OXE720964:OXE720966 PHA720964:PHA720966 PQW720964:PQW720966 QAS720964:QAS720966 QKO720964:QKO720966 QUK720964:QUK720966 REG720964:REG720966 ROC720964:ROC720966 RXY720964:RXY720966 SHU720964:SHU720966 SRQ720964:SRQ720966 TBM720964:TBM720966 TLI720964:TLI720966 TVE720964:TVE720966 UFA720964:UFA720966 UOW720964:UOW720966 UYS720964:UYS720966 VIO720964:VIO720966 VSK720964:VSK720966 WCG720964:WCG720966 WMC720964:WMC720966 WVY720964:WVY720966 Q786500:Q786502 JM786500:JM786502 TI786500:TI786502 ADE786500:ADE786502 ANA786500:ANA786502 AWW786500:AWW786502 BGS786500:BGS786502 BQO786500:BQO786502 CAK786500:CAK786502 CKG786500:CKG786502 CUC786500:CUC786502 DDY786500:DDY786502 DNU786500:DNU786502 DXQ786500:DXQ786502 EHM786500:EHM786502 ERI786500:ERI786502 FBE786500:FBE786502 FLA786500:FLA786502 FUW786500:FUW786502 GES786500:GES786502 GOO786500:GOO786502 GYK786500:GYK786502 HIG786500:HIG786502 HSC786500:HSC786502 IBY786500:IBY786502 ILU786500:ILU786502 IVQ786500:IVQ786502 JFM786500:JFM786502 JPI786500:JPI786502 JZE786500:JZE786502 KJA786500:KJA786502 KSW786500:KSW786502 LCS786500:LCS786502 LMO786500:LMO786502 LWK786500:LWK786502 MGG786500:MGG786502 MQC786500:MQC786502 MZY786500:MZY786502 NJU786500:NJU786502 NTQ786500:NTQ786502 ODM786500:ODM786502 ONI786500:ONI786502 OXE786500:OXE786502 PHA786500:PHA786502 PQW786500:PQW786502 QAS786500:QAS786502 QKO786500:QKO786502 QUK786500:QUK786502 REG786500:REG786502 ROC786500:ROC786502 RXY786500:RXY786502 SHU786500:SHU786502 SRQ786500:SRQ786502 TBM786500:TBM786502 TLI786500:TLI786502 TVE786500:TVE786502 UFA786500:UFA786502 UOW786500:UOW786502 UYS786500:UYS786502 VIO786500:VIO786502 VSK786500:VSK786502 WCG786500:WCG786502 WMC786500:WMC786502 WVY786500:WVY786502 Q852036:Q852038 JM852036:JM852038 TI852036:TI852038 ADE852036:ADE852038 ANA852036:ANA852038 AWW852036:AWW852038 BGS852036:BGS852038 BQO852036:BQO852038 CAK852036:CAK852038 CKG852036:CKG852038 CUC852036:CUC852038 DDY852036:DDY852038 DNU852036:DNU852038 DXQ852036:DXQ852038 EHM852036:EHM852038 ERI852036:ERI852038 FBE852036:FBE852038 FLA852036:FLA852038 FUW852036:FUW852038 GES852036:GES852038 GOO852036:GOO852038 GYK852036:GYK852038 HIG852036:HIG852038 HSC852036:HSC852038 IBY852036:IBY852038 ILU852036:ILU852038 IVQ852036:IVQ852038 JFM852036:JFM852038 JPI852036:JPI852038 JZE852036:JZE852038 KJA852036:KJA852038 KSW852036:KSW852038 LCS852036:LCS852038 LMO852036:LMO852038 LWK852036:LWK852038 MGG852036:MGG852038 MQC852036:MQC852038 MZY852036:MZY852038 NJU852036:NJU852038 NTQ852036:NTQ852038 ODM852036:ODM852038 ONI852036:ONI852038 OXE852036:OXE852038 PHA852036:PHA852038 PQW852036:PQW852038 QAS852036:QAS852038 QKO852036:QKO852038 QUK852036:QUK852038 REG852036:REG852038 ROC852036:ROC852038 RXY852036:RXY852038 SHU852036:SHU852038 SRQ852036:SRQ852038 TBM852036:TBM852038 TLI852036:TLI852038 TVE852036:TVE852038 UFA852036:UFA852038 UOW852036:UOW852038 UYS852036:UYS852038 VIO852036:VIO852038 VSK852036:VSK852038 WCG852036:WCG852038 WMC852036:WMC852038 WVY852036:WVY852038 Q917572:Q917574 JM917572:JM917574 TI917572:TI917574 ADE917572:ADE917574 ANA917572:ANA917574 AWW917572:AWW917574 BGS917572:BGS917574 BQO917572:BQO917574 CAK917572:CAK917574 CKG917572:CKG917574 CUC917572:CUC917574 DDY917572:DDY917574 DNU917572:DNU917574 DXQ917572:DXQ917574 EHM917572:EHM917574 ERI917572:ERI917574 FBE917572:FBE917574 FLA917572:FLA917574 FUW917572:FUW917574 GES917572:GES917574 GOO917572:GOO917574 GYK917572:GYK917574 HIG917572:HIG917574 HSC917572:HSC917574 IBY917572:IBY917574 ILU917572:ILU917574 IVQ917572:IVQ917574 JFM917572:JFM917574 JPI917572:JPI917574 JZE917572:JZE917574 KJA917572:KJA917574 KSW917572:KSW917574 LCS917572:LCS917574 LMO917572:LMO917574 LWK917572:LWK917574 MGG917572:MGG917574 MQC917572:MQC917574 MZY917572:MZY917574 NJU917572:NJU917574 NTQ917572:NTQ917574 ODM917572:ODM917574 ONI917572:ONI917574 OXE917572:OXE917574 PHA917572:PHA917574 PQW917572:PQW917574 QAS917572:QAS917574 QKO917572:QKO917574 QUK917572:QUK917574 REG917572:REG917574 ROC917572:ROC917574 RXY917572:RXY917574 SHU917572:SHU917574 SRQ917572:SRQ917574 TBM917572:TBM917574 TLI917572:TLI917574 TVE917572:TVE917574 UFA917572:UFA917574 UOW917572:UOW917574 UYS917572:UYS917574 VIO917572:VIO917574 VSK917572:VSK917574 WCG917572:WCG917574 WMC917572:WMC917574 WVY917572:WVY917574 Q983108:Q983110 JM983108:JM983110 TI983108:TI983110 ADE983108:ADE983110 ANA983108:ANA983110 AWW983108:AWW983110 BGS983108:BGS983110 BQO983108:BQO983110 CAK983108:CAK983110 CKG983108:CKG983110 CUC983108:CUC983110 DDY983108:DDY983110 DNU983108:DNU983110 DXQ983108:DXQ983110 EHM983108:EHM983110 ERI983108:ERI983110 FBE983108:FBE983110 FLA983108:FLA983110 FUW983108:FUW983110 GES983108:GES983110 GOO983108:GOO983110 GYK983108:GYK983110 HIG983108:HIG983110 HSC983108:HSC983110 IBY983108:IBY983110 ILU983108:ILU983110 IVQ983108:IVQ983110 JFM983108:JFM983110 JPI983108:JPI983110 JZE983108:JZE983110 KJA983108:KJA983110 KSW983108:KSW983110 LCS983108:LCS983110 LMO983108:LMO983110 LWK983108:LWK983110 MGG983108:MGG983110 MQC983108:MQC983110 MZY983108:MZY983110 NJU983108:NJU983110 NTQ983108:NTQ983110 ODM983108:ODM983110 ONI983108:ONI983110 OXE983108:OXE983110 PHA983108:PHA983110 PQW983108:PQW983110 QAS983108:QAS983110 QKO983108:QKO983110 QUK983108:QUK983110 REG983108:REG983110 ROC983108:ROC983110 RXY983108:RXY983110 SHU983108:SHU983110 SRQ983108:SRQ983110 TBM983108:TBM983110 TLI983108:TLI983110 TVE983108:TVE983110 UFA983108:UFA983110 UOW983108:UOW983110 UYS983108:UYS983110 VIO983108:VIO983110 VSK983108:VSK983110 WCG983108:WCG983110 WMC983108:WMC983110 WVY983108:WVY983110 O70 JK70 TG70 ADC70 AMY70 AWU70 BGQ70 BQM70 CAI70 CKE70 CUA70 DDW70 DNS70 DXO70 EHK70 ERG70 FBC70 FKY70 FUU70 GEQ70 GOM70 GYI70 HIE70 HSA70 IBW70 ILS70 IVO70 JFK70 JPG70 JZC70 KIY70 KSU70 LCQ70 LMM70 LWI70 MGE70 MQA70 MZW70 NJS70 NTO70 ODK70 ONG70 OXC70 PGY70 PQU70 QAQ70 QKM70 QUI70 REE70 ROA70 RXW70 SHS70 SRO70 TBK70 TLG70 TVC70 UEY70 UOU70 UYQ70 VIM70 VSI70 WCE70 WMA70 WVW70 O65606 JK65606 TG65606 ADC65606 AMY65606 AWU65606 BGQ65606 BQM65606 CAI65606 CKE65606 CUA65606 DDW65606 DNS65606 DXO65606 EHK65606 ERG65606 FBC65606 FKY65606 FUU65606 GEQ65606 GOM65606 GYI65606 HIE65606 HSA65606 IBW65606 ILS65606 IVO65606 JFK65606 JPG65606 JZC65606 KIY65606 KSU65606 LCQ65606 LMM65606 LWI65606 MGE65606 MQA65606 MZW65606 NJS65606 NTO65606 ODK65606 ONG65606 OXC65606 PGY65606 PQU65606 QAQ65606 QKM65606 QUI65606 REE65606 ROA65606 RXW65606 SHS65606 SRO65606 TBK65606 TLG65606 TVC65606 UEY65606 UOU65606 UYQ65606 VIM65606 VSI65606 WCE65606 WMA65606 WVW65606 O131142 JK131142 TG131142 ADC131142 AMY131142 AWU131142 BGQ131142 BQM131142 CAI131142 CKE131142 CUA131142 DDW131142 DNS131142 DXO131142 EHK131142 ERG131142 FBC131142 FKY131142 FUU131142 GEQ131142 GOM131142 GYI131142 HIE131142 HSA131142 IBW131142 ILS131142 IVO131142 JFK131142 JPG131142 JZC131142 KIY131142 KSU131142 LCQ131142 LMM131142 LWI131142 MGE131142 MQA131142 MZW131142 NJS131142 NTO131142 ODK131142 ONG131142 OXC131142 PGY131142 PQU131142 QAQ131142 QKM131142 QUI131142 REE131142 ROA131142 RXW131142 SHS131142 SRO131142 TBK131142 TLG131142 TVC131142 UEY131142 UOU131142 UYQ131142 VIM131142 VSI131142 WCE131142 WMA131142 WVW131142 O196678 JK196678 TG196678 ADC196678 AMY196678 AWU196678 BGQ196678 BQM196678 CAI196678 CKE196678 CUA196678 DDW196678 DNS196678 DXO196678 EHK196678 ERG196678 FBC196678 FKY196678 FUU196678 GEQ196678 GOM196678 GYI196678 HIE196678 HSA196678 IBW196678 ILS196678 IVO196678 JFK196678 JPG196678 JZC196678 KIY196678 KSU196678 LCQ196678 LMM196678 LWI196678 MGE196678 MQA196678 MZW196678 NJS196678 NTO196678 ODK196678 ONG196678 OXC196678 PGY196678 PQU196678 QAQ196678 QKM196678 QUI196678 REE196678 ROA196678 RXW196678 SHS196678 SRO196678 TBK196678 TLG196678 TVC196678 UEY196678 UOU196678 UYQ196678 VIM196678 VSI196678 WCE196678 WMA196678 WVW196678 O262214 JK262214 TG262214 ADC262214 AMY262214 AWU262214 BGQ262214 BQM262214 CAI262214 CKE262214 CUA262214 DDW262214 DNS262214 DXO262214 EHK262214 ERG262214 FBC262214 FKY262214 FUU262214 GEQ262214 GOM262214 GYI262214 HIE262214 HSA262214 IBW262214 ILS262214 IVO262214 JFK262214 JPG262214 JZC262214 KIY262214 KSU262214 LCQ262214 LMM262214 LWI262214 MGE262214 MQA262214 MZW262214 NJS262214 NTO262214 ODK262214 ONG262214 OXC262214 PGY262214 PQU262214 QAQ262214 QKM262214 QUI262214 REE262214 ROA262214 RXW262214 SHS262214 SRO262214 TBK262214 TLG262214 TVC262214 UEY262214 UOU262214 UYQ262214 VIM262214 VSI262214 WCE262214 WMA262214 WVW262214 O327750 JK327750 TG327750 ADC327750 AMY327750 AWU327750 BGQ327750 BQM327750 CAI327750 CKE327750 CUA327750 DDW327750 DNS327750 DXO327750 EHK327750 ERG327750 FBC327750 FKY327750 FUU327750 GEQ327750 GOM327750 GYI327750 HIE327750 HSA327750 IBW327750 ILS327750 IVO327750 JFK327750 JPG327750 JZC327750 KIY327750 KSU327750 LCQ327750 LMM327750 LWI327750 MGE327750 MQA327750 MZW327750 NJS327750 NTO327750 ODK327750 ONG327750 OXC327750 PGY327750 PQU327750 QAQ327750 QKM327750 QUI327750 REE327750 ROA327750 RXW327750 SHS327750 SRO327750 TBK327750 TLG327750 TVC327750 UEY327750 UOU327750 UYQ327750 VIM327750 VSI327750 WCE327750 WMA327750 WVW327750 O393286 JK393286 TG393286 ADC393286 AMY393286 AWU393286 BGQ393286 BQM393286 CAI393286 CKE393286 CUA393286 DDW393286 DNS393286 DXO393286 EHK393286 ERG393286 FBC393286 FKY393286 FUU393286 GEQ393286 GOM393286 GYI393286 HIE393286 HSA393286 IBW393286 ILS393286 IVO393286 JFK393286 JPG393286 JZC393286 KIY393286 KSU393286 LCQ393286 LMM393286 LWI393286 MGE393286 MQA393286 MZW393286 NJS393286 NTO393286 ODK393286 ONG393286 OXC393286 PGY393286 PQU393286 QAQ393286 QKM393286 QUI393286 REE393286 ROA393286 RXW393286 SHS393286 SRO393286 TBK393286 TLG393286 TVC393286 UEY393286 UOU393286 UYQ393286 VIM393286 VSI393286 WCE393286 WMA393286 WVW393286 O458822 JK458822 TG458822 ADC458822 AMY458822 AWU458822 BGQ458822 BQM458822 CAI458822 CKE458822 CUA458822 DDW458822 DNS458822 DXO458822 EHK458822 ERG458822 FBC458822 FKY458822 FUU458822 GEQ458822 GOM458822 GYI458822 HIE458822 HSA458822 IBW458822 ILS458822 IVO458822 JFK458822 JPG458822 JZC458822 KIY458822 KSU458822 LCQ458822 LMM458822 LWI458822 MGE458822 MQA458822 MZW458822 NJS458822 NTO458822 ODK458822 ONG458822 OXC458822 PGY458822 PQU458822 QAQ458822 QKM458822 QUI458822 REE458822 ROA458822 RXW458822 SHS458822 SRO458822 TBK458822 TLG458822 TVC458822 UEY458822 UOU458822 UYQ458822 VIM458822 VSI458822 WCE458822 WMA458822 WVW458822 O524358 JK524358 TG524358 ADC524358 AMY524358 AWU524358 BGQ524358 BQM524358 CAI524358 CKE524358 CUA524358 DDW524358 DNS524358 DXO524358 EHK524358 ERG524358 FBC524358 FKY524358 FUU524358 GEQ524358 GOM524358 GYI524358 HIE524358 HSA524358 IBW524358 ILS524358 IVO524358 JFK524358 JPG524358 JZC524358 KIY524358 KSU524358 LCQ524358 LMM524358 LWI524358 MGE524358 MQA524358 MZW524358 NJS524358 NTO524358 ODK524358 ONG524358 OXC524358 PGY524358 PQU524358 QAQ524358 QKM524358 QUI524358 REE524358 ROA524358 RXW524358 SHS524358 SRO524358 TBK524358 TLG524358 TVC524358 UEY524358 UOU524358 UYQ524358 VIM524358 VSI524358 WCE524358 WMA524358 WVW524358 O589894 JK589894 TG589894 ADC589894 AMY589894 AWU589894 BGQ589894 BQM589894 CAI589894 CKE589894 CUA589894 DDW589894 DNS589894 DXO589894 EHK589894 ERG589894 FBC589894 FKY589894 FUU589894 GEQ589894 GOM589894 GYI589894 HIE589894 HSA589894 IBW589894 ILS589894 IVO589894 JFK589894 JPG589894 JZC589894 KIY589894 KSU589894 LCQ589894 LMM589894 LWI589894 MGE589894 MQA589894 MZW589894 NJS589894 NTO589894 ODK589894 ONG589894 OXC589894 PGY589894 PQU589894 QAQ589894 QKM589894 QUI589894 REE589894 ROA589894 RXW589894 SHS589894 SRO589894 TBK589894 TLG589894 TVC589894 UEY589894 UOU589894 UYQ589894 VIM589894 VSI589894 WCE589894 WMA589894 WVW589894 O655430 JK655430 TG655430 ADC655430 AMY655430 AWU655430 BGQ655430 BQM655430 CAI655430 CKE655430 CUA655430 DDW655430 DNS655430 DXO655430 EHK655430 ERG655430 FBC655430 FKY655430 FUU655430 GEQ655430 GOM655430 GYI655430 HIE655430 HSA655430 IBW655430 ILS655430 IVO655430 JFK655430 JPG655430 JZC655430 KIY655430 KSU655430 LCQ655430 LMM655430 LWI655430 MGE655430 MQA655430 MZW655430 NJS655430 NTO655430 ODK655430 ONG655430 OXC655430 PGY655430 PQU655430 QAQ655430 QKM655430 QUI655430 REE655430 ROA655430 RXW655430 SHS655430 SRO655430 TBK655430 TLG655430 TVC655430 UEY655430 UOU655430 UYQ655430 VIM655430 VSI655430 WCE655430 WMA655430 WVW655430 O720966 JK720966 TG720966 ADC720966 AMY720966 AWU720966 BGQ720966 BQM720966 CAI720966 CKE720966 CUA720966 DDW720966 DNS720966 DXO720966 EHK720966 ERG720966 FBC720966 FKY720966 FUU720966 GEQ720966 GOM720966 GYI720966 HIE720966 HSA720966 IBW720966 ILS720966 IVO720966 JFK720966 JPG720966 JZC720966 KIY720966 KSU720966 LCQ720966 LMM720966 LWI720966 MGE720966 MQA720966 MZW720966 NJS720966 NTO720966 ODK720966 ONG720966 OXC720966 PGY720966 PQU720966 QAQ720966 QKM720966 QUI720966 REE720966 ROA720966 RXW720966 SHS720966 SRO720966 TBK720966 TLG720966 TVC720966 UEY720966 UOU720966 UYQ720966 VIM720966 VSI720966 WCE720966 WMA720966 WVW720966 O786502 JK786502 TG786502 ADC786502 AMY786502 AWU786502 BGQ786502 BQM786502 CAI786502 CKE786502 CUA786502 DDW786502 DNS786502 DXO786502 EHK786502 ERG786502 FBC786502 FKY786502 FUU786502 GEQ786502 GOM786502 GYI786502 HIE786502 HSA786502 IBW786502 ILS786502 IVO786502 JFK786502 JPG786502 JZC786502 KIY786502 KSU786502 LCQ786502 LMM786502 LWI786502 MGE786502 MQA786502 MZW786502 NJS786502 NTO786502 ODK786502 ONG786502 OXC786502 PGY786502 PQU786502 QAQ786502 QKM786502 QUI786502 REE786502 ROA786502 RXW786502 SHS786502 SRO786502 TBK786502 TLG786502 TVC786502 UEY786502 UOU786502 UYQ786502 VIM786502 VSI786502 WCE786502 WMA786502 WVW786502 O852038 JK852038 TG852038 ADC852038 AMY852038 AWU852038 BGQ852038 BQM852038 CAI852038 CKE852038 CUA852038 DDW852038 DNS852038 DXO852038 EHK852038 ERG852038 FBC852038 FKY852038 FUU852038 GEQ852038 GOM852038 GYI852038 HIE852038 HSA852038 IBW852038 ILS852038 IVO852038 JFK852038 JPG852038 JZC852038 KIY852038 KSU852038 LCQ852038 LMM852038 LWI852038 MGE852038 MQA852038 MZW852038 NJS852038 NTO852038 ODK852038 ONG852038 OXC852038 PGY852038 PQU852038 QAQ852038 QKM852038 QUI852038 REE852038 ROA852038 RXW852038 SHS852038 SRO852038 TBK852038 TLG852038 TVC852038 UEY852038 UOU852038 UYQ852038 VIM852038 VSI852038 WCE852038 WMA852038 WVW852038 O917574 JK917574 TG917574 ADC917574 AMY917574 AWU917574 BGQ917574 BQM917574 CAI917574 CKE917574 CUA917574 DDW917574 DNS917574 DXO917574 EHK917574 ERG917574 FBC917574 FKY917574 FUU917574 GEQ917574 GOM917574 GYI917574 HIE917574 HSA917574 IBW917574 ILS917574 IVO917574 JFK917574 JPG917574 JZC917574 KIY917574 KSU917574 LCQ917574 LMM917574 LWI917574 MGE917574 MQA917574 MZW917574 NJS917574 NTO917574 ODK917574 ONG917574 OXC917574 PGY917574 PQU917574 QAQ917574 QKM917574 QUI917574 REE917574 ROA917574 RXW917574 SHS917574 SRO917574 TBK917574 TLG917574 TVC917574 UEY917574 UOU917574 UYQ917574 VIM917574 VSI917574 WCE917574 WMA917574 WVW917574 O983110 JK983110 TG983110 ADC983110 AMY983110 AWU983110 BGQ983110 BQM983110 CAI983110 CKE983110 CUA983110 DDW983110 DNS983110 DXO983110 EHK983110 ERG983110 FBC983110 FKY983110 FUU983110 GEQ983110 GOM983110 GYI983110 HIE983110 HSA983110 IBW983110 ILS983110 IVO983110 JFK983110 JPG983110 JZC983110 KIY983110 KSU983110 LCQ983110 LMM983110 LWI983110 MGE983110 MQA983110 MZW983110 NJS983110 NTO983110 ODK983110 ONG983110 OXC983110 PGY983110 PQU983110 QAQ983110 QKM983110 QUI983110 REE983110 ROA983110 RXW983110 SHS983110 SRO983110 TBK983110 TLG983110 TVC983110 UEY983110 UOU983110 UYQ983110 VIM983110 VSI983110 WCE983110 WMA983110 WVW983110 L71:L76 JH71:JH76 TD71:TD76 ACZ71:ACZ76 AMV71:AMV76 AWR71:AWR76 BGN71:BGN76 BQJ71:BQJ76 CAF71:CAF76 CKB71:CKB76 CTX71:CTX76 DDT71:DDT76 DNP71:DNP76 DXL71:DXL76 EHH71:EHH76 ERD71:ERD76 FAZ71:FAZ76 FKV71:FKV76 FUR71:FUR76 GEN71:GEN76 GOJ71:GOJ76 GYF71:GYF76 HIB71:HIB76 HRX71:HRX76 IBT71:IBT76 ILP71:ILP76 IVL71:IVL76 JFH71:JFH76 JPD71:JPD76 JYZ71:JYZ76 KIV71:KIV76 KSR71:KSR76 LCN71:LCN76 LMJ71:LMJ76 LWF71:LWF76 MGB71:MGB76 MPX71:MPX76 MZT71:MZT76 NJP71:NJP76 NTL71:NTL76 ODH71:ODH76 OND71:OND76 OWZ71:OWZ76 PGV71:PGV76 PQR71:PQR76 QAN71:QAN76 QKJ71:QKJ76 QUF71:QUF76 REB71:REB76 RNX71:RNX76 RXT71:RXT76 SHP71:SHP76 SRL71:SRL76 TBH71:TBH76 TLD71:TLD76 TUZ71:TUZ76 UEV71:UEV76 UOR71:UOR76 UYN71:UYN76 VIJ71:VIJ76 VSF71:VSF76 WCB71:WCB76 WLX71:WLX76 WVT71:WVT76 L65607:L65612 JH65607:JH65612 TD65607:TD65612 ACZ65607:ACZ65612 AMV65607:AMV65612 AWR65607:AWR65612 BGN65607:BGN65612 BQJ65607:BQJ65612 CAF65607:CAF65612 CKB65607:CKB65612 CTX65607:CTX65612 DDT65607:DDT65612 DNP65607:DNP65612 DXL65607:DXL65612 EHH65607:EHH65612 ERD65607:ERD65612 FAZ65607:FAZ65612 FKV65607:FKV65612 FUR65607:FUR65612 GEN65607:GEN65612 GOJ65607:GOJ65612 GYF65607:GYF65612 HIB65607:HIB65612 HRX65607:HRX65612 IBT65607:IBT65612 ILP65607:ILP65612 IVL65607:IVL65612 JFH65607:JFH65612 JPD65607:JPD65612 JYZ65607:JYZ65612 KIV65607:KIV65612 KSR65607:KSR65612 LCN65607:LCN65612 LMJ65607:LMJ65612 LWF65607:LWF65612 MGB65607:MGB65612 MPX65607:MPX65612 MZT65607:MZT65612 NJP65607:NJP65612 NTL65607:NTL65612 ODH65607:ODH65612 OND65607:OND65612 OWZ65607:OWZ65612 PGV65607:PGV65612 PQR65607:PQR65612 QAN65607:QAN65612 QKJ65607:QKJ65612 QUF65607:QUF65612 REB65607:REB65612 RNX65607:RNX65612 RXT65607:RXT65612 SHP65607:SHP65612 SRL65607:SRL65612 TBH65607:TBH65612 TLD65607:TLD65612 TUZ65607:TUZ65612 UEV65607:UEV65612 UOR65607:UOR65612 UYN65607:UYN65612 VIJ65607:VIJ65612 VSF65607:VSF65612 WCB65607:WCB65612 WLX65607:WLX65612 WVT65607:WVT65612 L131143:L131148 JH131143:JH131148 TD131143:TD131148 ACZ131143:ACZ131148 AMV131143:AMV131148 AWR131143:AWR131148 BGN131143:BGN131148 BQJ131143:BQJ131148 CAF131143:CAF131148 CKB131143:CKB131148 CTX131143:CTX131148 DDT131143:DDT131148 DNP131143:DNP131148 DXL131143:DXL131148 EHH131143:EHH131148 ERD131143:ERD131148 FAZ131143:FAZ131148 FKV131143:FKV131148 FUR131143:FUR131148 GEN131143:GEN131148 GOJ131143:GOJ131148 GYF131143:GYF131148 HIB131143:HIB131148 HRX131143:HRX131148 IBT131143:IBT131148 ILP131143:ILP131148 IVL131143:IVL131148 JFH131143:JFH131148 JPD131143:JPD131148 JYZ131143:JYZ131148 KIV131143:KIV131148 KSR131143:KSR131148 LCN131143:LCN131148 LMJ131143:LMJ131148 LWF131143:LWF131148 MGB131143:MGB131148 MPX131143:MPX131148 MZT131143:MZT131148 NJP131143:NJP131148 NTL131143:NTL131148 ODH131143:ODH131148 OND131143:OND131148 OWZ131143:OWZ131148 PGV131143:PGV131148 PQR131143:PQR131148 QAN131143:QAN131148 QKJ131143:QKJ131148 QUF131143:QUF131148 REB131143:REB131148 RNX131143:RNX131148 RXT131143:RXT131148 SHP131143:SHP131148 SRL131143:SRL131148 TBH131143:TBH131148 TLD131143:TLD131148 TUZ131143:TUZ131148 UEV131143:UEV131148 UOR131143:UOR131148 UYN131143:UYN131148 VIJ131143:VIJ131148 VSF131143:VSF131148 WCB131143:WCB131148 WLX131143:WLX131148 WVT131143:WVT131148 L196679:L196684 JH196679:JH196684 TD196679:TD196684 ACZ196679:ACZ196684 AMV196679:AMV196684 AWR196679:AWR196684 BGN196679:BGN196684 BQJ196679:BQJ196684 CAF196679:CAF196684 CKB196679:CKB196684 CTX196679:CTX196684 DDT196679:DDT196684 DNP196679:DNP196684 DXL196679:DXL196684 EHH196679:EHH196684 ERD196679:ERD196684 FAZ196679:FAZ196684 FKV196679:FKV196684 FUR196679:FUR196684 GEN196679:GEN196684 GOJ196679:GOJ196684 GYF196679:GYF196684 HIB196679:HIB196684 HRX196679:HRX196684 IBT196679:IBT196684 ILP196679:ILP196684 IVL196679:IVL196684 JFH196679:JFH196684 JPD196679:JPD196684 JYZ196679:JYZ196684 KIV196679:KIV196684 KSR196679:KSR196684 LCN196679:LCN196684 LMJ196679:LMJ196684 LWF196679:LWF196684 MGB196679:MGB196684 MPX196679:MPX196684 MZT196679:MZT196684 NJP196679:NJP196684 NTL196679:NTL196684 ODH196679:ODH196684 OND196679:OND196684 OWZ196679:OWZ196684 PGV196679:PGV196684 PQR196679:PQR196684 QAN196679:QAN196684 QKJ196679:QKJ196684 QUF196679:QUF196684 REB196679:REB196684 RNX196679:RNX196684 RXT196679:RXT196684 SHP196679:SHP196684 SRL196679:SRL196684 TBH196679:TBH196684 TLD196679:TLD196684 TUZ196679:TUZ196684 UEV196679:UEV196684 UOR196679:UOR196684 UYN196679:UYN196684 VIJ196679:VIJ196684 VSF196679:VSF196684 WCB196679:WCB196684 WLX196679:WLX196684 WVT196679:WVT196684 L262215:L262220 JH262215:JH262220 TD262215:TD262220 ACZ262215:ACZ262220 AMV262215:AMV262220 AWR262215:AWR262220 BGN262215:BGN262220 BQJ262215:BQJ262220 CAF262215:CAF262220 CKB262215:CKB262220 CTX262215:CTX262220 DDT262215:DDT262220 DNP262215:DNP262220 DXL262215:DXL262220 EHH262215:EHH262220 ERD262215:ERD262220 FAZ262215:FAZ262220 FKV262215:FKV262220 FUR262215:FUR262220 GEN262215:GEN262220 GOJ262215:GOJ262220 GYF262215:GYF262220 HIB262215:HIB262220 HRX262215:HRX262220 IBT262215:IBT262220 ILP262215:ILP262220 IVL262215:IVL262220 JFH262215:JFH262220 JPD262215:JPD262220 JYZ262215:JYZ262220 KIV262215:KIV262220 KSR262215:KSR262220 LCN262215:LCN262220 LMJ262215:LMJ262220 LWF262215:LWF262220 MGB262215:MGB262220 MPX262215:MPX262220 MZT262215:MZT262220 NJP262215:NJP262220 NTL262215:NTL262220 ODH262215:ODH262220 OND262215:OND262220 OWZ262215:OWZ262220 PGV262215:PGV262220 PQR262215:PQR262220 QAN262215:QAN262220 QKJ262215:QKJ262220 QUF262215:QUF262220 REB262215:REB262220 RNX262215:RNX262220 RXT262215:RXT262220 SHP262215:SHP262220 SRL262215:SRL262220 TBH262215:TBH262220 TLD262215:TLD262220 TUZ262215:TUZ262220 UEV262215:UEV262220 UOR262215:UOR262220 UYN262215:UYN262220 VIJ262215:VIJ262220 VSF262215:VSF262220 WCB262215:WCB262220 WLX262215:WLX262220 WVT262215:WVT262220 L327751:L327756 JH327751:JH327756 TD327751:TD327756 ACZ327751:ACZ327756 AMV327751:AMV327756 AWR327751:AWR327756 BGN327751:BGN327756 BQJ327751:BQJ327756 CAF327751:CAF327756 CKB327751:CKB327756 CTX327751:CTX327756 DDT327751:DDT327756 DNP327751:DNP327756 DXL327751:DXL327756 EHH327751:EHH327756 ERD327751:ERD327756 FAZ327751:FAZ327756 FKV327751:FKV327756 FUR327751:FUR327756 GEN327751:GEN327756 GOJ327751:GOJ327756 GYF327751:GYF327756 HIB327751:HIB327756 HRX327751:HRX327756 IBT327751:IBT327756 ILP327751:ILP327756 IVL327751:IVL327756 JFH327751:JFH327756 JPD327751:JPD327756 JYZ327751:JYZ327756 KIV327751:KIV327756 KSR327751:KSR327756 LCN327751:LCN327756 LMJ327751:LMJ327756 LWF327751:LWF327756 MGB327751:MGB327756 MPX327751:MPX327756 MZT327751:MZT327756 NJP327751:NJP327756 NTL327751:NTL327756 ODH327751:ODH327756 OND327751:OND327756 OWZ327751:OWZ327756 PGV327751:PGV327756 PQR327751:PQR327756 QAN327751:QAN327756 QKJ327751:QKJ327756 QUF327751:QUF327756 REB327751:REB327756 RNX327751:RNX327756 RXT327751:RXT327756 SHP327751:SHP327756 SRL327751:SRL327756 TBH327751:TBH327756 TLD327751:TLD327756 TUZ327751:TUZ327756 UEV327751:UEV327756 UOR327751:UOR327756 UYN327751:UYN327756 VIJ327751:VIJ327756 VSF327751:VSF327756 WCB327751:WCB327756 WLX327751:WLX327756 WVT327751:WVT327756 L393287:L393292 JH393287:JH393292 TD393287:TD393292 ACZ393287:ACZ393292 AMV393287:AMV393292 AWR393287:AWR393292 BGN393287:BGN393292 BQJ393287:BQJ393292 CAF393287:CAF393292 CKB393287:CKB393292 CTX393287:CTX393292 DDT393287:DDT393292 DNP393287:DNP393292 DXL393287:DXL393292 EHH393287:EHH393292 ERD393287:ERD393292 FAZ393287:FAZ393292 FKV393287:FKV393292 FUR393287:FUR393292 GEN393287:GEN393292 GOJ393287:GOJ393292 GYF393287:GYF393292 HIB393287:HIB393292 HRX393287:HRX393292 IBT393287:IBT393292 ILP393287:ILP393292 IVL393287:IVL393292 JFH393287:JFH393292 JPD393287:JPD393292 JYZ393287:JYZ393292 KIV393287:KIV393292 KSR393287:KSR393292 LCN393287:LCN393292 LMJ393287:LMJ393292 LWF393287:LWF393292 MGB393287:MGB393292 MPX393287:MPX393292 MZT393287:MZT393292 NJP393287:NJP393292 NTL393287:NTL393292 ODH393287:ODH393292 OND393287:OND393292 OWZ393287:OWZ393292 PGV393287:PGV393292 PQR393287:PQR393292 QAN393287:QAN393292 QKJ393287:QKJ393292 QUF393287:QUF393292 REB393287:REB393292 RNX393287:RNX393292 RXT393287:RXT393292 SHP393287:SHP393292 SRL393287:SRL393292 TBH393287:TBH393292 TLD393287:TLD393292 TUZ393287:TUZ393292 UEV393287:UEV393292 UOR393287:UOR393292 UYN393287:UYN393292 VIJ393287:VIJ393292 VSF393287:VSF393292 WCB393287:WCB393292 WLX393287:WLX393292 WVT393287:WVT393292 L458823:L458828 JH458823:JH458828 TD458823:TD458828 ACZ458823:ACZ458828 AMV458823:AMV458828 AWR458823:AWR458828 BGN458823:BGN458828 BQJ458823:BQJ458828 CAF458823:CAF458828 CKB458823:CKB458828 CTX458823:CTX458828 DDT458823:DDT458828 DNP458823:DNP458828 DXL458823:DXL458828 EHH458823:EHH458828 ERD458823:ERD458828 FAZ458823:FAZ458828 FKV458823:FKV458828 FUR458823:FUR458828 GEN458823:GEN458828 GOJ458823:GOJ458828 GYF458823:GYF458828 HIB458823:HIB458828 HRX458823:HRX458828 IBT458823:IBT458828 ILP458823:ILP458828 IVL458823:IVL458828 JFH458823:JFH458828 JPD458823:JPD458828 JYZ458823:JYZ458828 KIV458823:KIV458828 KSR458823:KSR458828 LCN458823:LCN458828 LMJ458823:LMJ458828 LWF458823:LWF458828 MGB458823:MGB458828 MPX458823:MPX458828 MZT458823:MZT458828 NJP458823:NJP458828 NTL458823:NTL458828 ODH458823:ODH458828 OND458823:OND458828 OWZ458823:OWZ458828 PGV458823:PGV458828 PQR458823:PQR458828 QAN458823:QAN458828 QKJ458823:QKJ458828 QUF458823:QUF458828 REB458823:REB458828 RNX458823:RNX458828 RXT458823:RXT458828 SHP458823:SHP458828 SRL458823:SRL458828 TBH458823:TBH458828 TLD458823:TLD458828 TUZ458823:TUZ458828 UEV458823:UEV458828 UOR458823:UOR458828 UYN458823:UYN458828 VIJ458823:VIJ458828 VSF458823:VSF458828 WCB458823:WCB458828 WLX458823:WLX458828 WVT458823:WVT458828 L524359:L524364 JH524359:JH524364 TD524359:TD524364 ACZ524359:ACZ524364 AMV524359:AMV524364 AWR524359:AWR524364 BGN524359:BGN524364 BQJ524359:BQJ524364 CAF524359:CAF524364 CKB524359:CKB524364 CTX524359:CTX524364 DDT524359:DDT524364 DNP524359:DNP524364 DXL524359:DXL524364 EHH524359:EHH524364 ERD524359:ERD524364 FAZ524359:FAZ524364 FKV524359:FKV524364 FUR524359:FUR524364 GEN524359:GEN524364 GOJ524359:GOJ524364 GYF524359:GYF524364 HIB524359:HIB524364 HRX524359:HRX524364 IBT524359:IBT524364 ILP524359:ILP524364 IVL524359:IVL524364 JFH524359:JFH524364 JPD524359:JPD524364 JYZ524359:JYZ524364 KIV524359:KIV524364 KSR524359:KSR524364 LCN524359:LCN524364 LMJ524359:LMJ524364 LWF524359:LWF524364 MGB524359:MGB524364 MPX524359:MPX524364 MZT524359:MZT524364 NJP524359:NJP524364 NTL524359:NTL524364 ODH524359:ODH524364 OND524359:OND524364 OWZ524359:OWZ524364 PGV524359:PGV524364 PQR524359:PQR524364 QAN524359:QAN524364 QKJ524359:QKJ524364 QUF524359:QUF524364 REB524359:REB524364 RNX524359:RNX524364 RXT524359:RXT524364 SHP524359:SHP524364 SRL524359:SRL524364 TBH524359:TBH524364 TLD524359:TLD524364 TUZ524359:TUZ524364 UEV524359:UEV524364 UOR524359:UOR524364 UYN524359:UYN524364 VIJ524359:VIJ524364 VSF524359:VSF524364 WCB524359:WCB524364 WLX524359:WLX524364 WVT524359:WVT524364 L589895:L589900 JH589895:JH589900 TD589895:TD589900 ACZ589895:ACZ589900 AMV589895:AMV589900 AWR589895:AWR589900 BGN589895:BGN589900 BQJ589895:BQJ589900 CAF589895:CAF589900 CKB589895:CKB589900 CTX589895:CTX589900 DDT589895:DDT589900 DNP589895:DNP589900 DXL589895:DXL589900 EHH589895:EHH589900 ERD589895:ERD589900 FAZ589895:FAZ589900 FKV589895:FKV589900 FUR589895:FUR589900 GEN589895:GEN589900 GOJ589895:GOJ589900 GYF589895:GYF589900 HIB589895:HIB589900 HRX589895:HRX589900 IBT589895:IBT589900 ILP589895:ILP589900 IVL589895:IVL589900 JFH589895:JFH589900 JPD589895:JPD589900 JYZ589895:JYZ589900 KIV589895:KIV589900 KSR589895:KSR589900 LCN589895:LCN589900 LMJ589895:LMJ589900 LWF589895:LWF589900 MGB589895:MGB589900 MPX589895:MPX589900 MZT589895:MZT589900 NJP589895:NJP589900 NTL589895:NTL589900 ODH589895:ODH589900 OND589895:OND589900 OWZ589895:OWZ589900 PGV589895:PGV589900 PQR589895:PQR589900 QAN589895:QAN589900 QKJ589895:QKJ589900 QUF589895:QUF589900 REB589895:REB589900 RNX589895:RNX589900 RXT589895:RXT589900 SHP589895:SHP589900 SRL589895:SRL589900 TBH589895:TBH589900 TLD589895:TLD589900 TUZ589895:TUZ589900 UEV589895:UEV589900 UOR589895:UOR589900 UYN589895:UYN589900 VIJ589895:VIJ589900 VSF589895:VSF589900 WCB589895:WCB589900 WLX589895:WLX589900 WVT589895:WVT589900 L655431:L655436 JH655431:JH655436 TD655431:TD655436 ACZ655431:ACZ655436 AMV655431:AMV655436 AWR655431:AWR655436 BGN655431:BGN655436 BQJ655431:BQJ655436 CAF655431:CAF655436 CKB655431:CKB655436 CTX655431:CTX655436 DDT655431:DDT655436 DNP655431:DNP655436 DXL655431:DXL655436 EHH655431:EHH655436 ERD655431:ERD655436 FAZ655431:FAZ655436 FKV655431:FKV655436 FUR655431:FUR655436 GEN655431:GEN655436 GOJ655431:GOJ655436 GYF655431:GYF655436 HIB655431:HIB655436 HRX655431:HRX655436 IBT655431:IBT655436 ILP655431:ILP655436 IVL655431:IVL655436 JFH655431:JFH655436 JPD655431:JPD655436 JYZ655431:JYZ655436 KIV655431:KIV655436 KSR655431:KSR655436 LCN655431:LCN655436 LMJ655431:LMJ655436 LWF655431:LWF655436 MGB655431:MGB655436 MPX655431:MPX655436 MZT655431:MZT655436 NJP655431:NJP655436 NTL655431:NTL655436 ODH655431:ODH655436 OND655431:OND655436 OWZ655431:OWZ655436 PGV655431:PGV655436 PQR655431:PQR655436 QAN655431:QAN655436 QKJ655431:QKJ655436 QUF655431:QUF655436 REB655431:REB655436 RNX655431:RNX655436 RXT655431:RXT655436 SHP655431:SHP655436 SRL655431:SRL655436 TBH655431:TBH655436 TLD655431:TLD655436 TUZ655431:TUZ655436 UEV655431:UEV655436 UOR655431:UOR655436 UYN655431:UYN655436 VIJ655431:VIJ655436 VSF655431:VSF655436 WCB655431:WCB655436 WLX655431:WLX655436 WVT655431:WVT655436 L720967:L720972 JH720967:JH720972 TD720967:TD720972 ACZ720967:ACZ720972 AMV720967:AMV720972 AWR720967:AWR720972 BGN720967:BGN720972 BQJ720967:BQJ720972 CAF720967:CAF720972 CKB720967:CKB720972 CTX720967:CTX720972 DDT720967:DDT720972 DNP720967:DNP720972 DXL720967:DXL720972 EHH720967:EHH720972 ERD720967:ERD720972 FAZ720967:FAZ720972 FKV720967:FKV720972 FUR720967:FUR720972 GEN720967:GEN720972 GOJ720967:GOJ720972 GYF720967:GYF720972 HIB720967:HIB720972 HRX720967:HRX720972 IBT720967:IBT720972 ILP720967:ILP720972 IVL720967:IVL720972 JFH720967:JFH720972 JPD720967:JPD720972 JYZ720967:JYZ720972 KIV720967:KIV720972 KSR720967:KSR720972 LCN720967:LCN720972 LMJ720967:LMJ720972 LWF720967:LWF720972 MGB720967:MGB720972 MPX720967:MPX720972 MZT720967:MZT720972 NJP720967:NJP720972 NTL720967:NTL720972 ODH720967:ODH720972 OND720967:OND720972 OWZ720967:OWZ720972 PGV720967:PGV720972 PQR720967:PQR720972 QAN720967:QAN720972 QKJ720967:QKJ720972 QUF720967:QUF720972 REB720967:REB720972 RNX720967:RNX720972 RXT720967:RXT720972 SHP720967:SHP720972 SRL720967:SRL720972 TBH720967:TBH720972 TLD720967:TLD720972 TUZ720967:TUZ720972 UEV720967:UEV720972 UOR720967:UOR720972 UYN720967:UYN720972 VIJ720967:VIJ720972 VSF720967:VSF720972 WCB720967:WCB720972 WLX720967:WLX720972 WVT720967:WVT720972 L786503:L786508 JH786503:JH786508 TD786503:TD786508 ACZ786503:ACZ786508 AMV786503:AMV786508 AWR786503:AWR786508 BGN786503:BGN786508 BQJ786503:BQJ786508 CAF786503:CAF786508 CKB786503:CKB786508 CTX786503:CTX786508 DDT786503:DDT786508 DNP786503:DNP786508 DXL786503:DXL786508 EHH786503:EHH786508 ERD786503:ERD786508 FAZ786503:FAZ786508 FKV786503:FKV786508 FUR786503:FUR786508 GEN786503:GEN786508 GOJ786503:GOJ786508 GYF786503:GYF786508 HIB786503:HIB786508 HRX786503:HRX786508 IBT786503:IBT786508 ILP786503:ILP786508 IVL786503:IVL786508 JFH786503:JFH786508 JPD786503:JPD786508 JYZ786503:JYZ786508 KIV786503:KIV786508 KSR786503:KSR786508 LCN786503:LCN786508 LMJ786503:LMJ786508 LWF786503:LWF786508 MGB786503:MGB786508 MPX786503:MPX786508 MZT786503:MZT786508 NJP786503:NJP786508 NTL786503:NTL786508 ODH786503:ODH786508 OND786503:OND786508 OWZ786503:OWZ786508 PGV786503:PGV786508 PQR786503:PQR786508 QAN786503:QAN786508 QKJ786503:QKJ786508 QUF786503:QUF786508 REB786503:REB786508 RNX786503:RNX786508 RXT786503:RXT786508 SHP786503:SHP786508 SRL786503:SRL786508 TBH786503:TBH786508 TLD786503:TLD786508 TUZ786503:TUZ786508 UEV786503:UEV786508 UOR786503:UOR786508 UYN786503:UYN786508 VIJ786503:VIJ786508 VSF786503:VSF786508 WCB786503:WCB786508 WLX786503:WLX786508 WVT786503:WVT786508 L852039:L852044 JH852039:JH852044 TD852039:TD852044 ACZ852039:ACZ852044 AMV852039:AMV852044 AWR852039:AWR852044 BGN852039:BGN852044 BQJ852039:BQJ852044 CAF852039:CAF852044 CKB852039:CKB852044 CTX852039:CTX852044 DDT852039:DDT852044 DNP852039:DNP852044 DXL852039:DXL852044 EHH852039:EHH852044 ERD852039:ERD852044 FAZ852039:FAZ852044 FKV852039:FKV852044 FUR852039:FUR852044 GEN852039:GEN852044 GOJ852039:GOJ852044 GYF852039:GYF852044 HIB852039:HIB852044 HRX852039:HRX852044 IBT852039:IBT852044 ILP852039:ILP852044 IVL852039:IVL852044 JFH852039:JFH852044 JPD852039:JPD852044 JYZ852039:JYZ852044 KIV852039:KIV852044 KSR852039:KSR852044 LCN852039:LCN852044 LMJ852039:LMJ852044 LWF852039:LWF852044 MGB852039:MGB852044 MPX852039:MPX852044 MZT852039:MZT852044 NJP852039:NJP852044 NTL852039:NTL852044 ODH852039:ODH852044 OND852039:OND852044 OWZ852039:OWZ852044 PGV852039:PGV852044 PQR852039:PQR852044 QAN852039:QAN852044 QKJ852039:QKJ852044 QUF852039:QUF852044 REB852039:REB852044 RNX852039:RNX852044 RXT852039:RXT852044 SHP852039:SHP852044 SRL852039:SRL852044 TBH852039:TBH852044 TLD852039:TLD852044 TUZ852039:TUZ852044 UEV852039:UEV852044 UOR852039:UOR852044 UYN852039:UYN852044 VIJ852039:VIJ852044 VSF852039:VSF852044 WCB852039:WCB852044 WLX852039:WLX852044 WVT852039:WVT852044 L917575:L917580 JH917575:JH917580 TD917575:TD917580 ACZ917575:ACZ917580 AMV917575:AMV917580 AWR917575:AWR917580 BGN917575:BGN917580 BQJ917575:BQJ917580 CAF917575:CAF917580 CKB917575:CKB917580 CTX917575:CTX917580 DDT917575:DDT917580 DNP917575:DNP917580 DXL917575:DXL917580 EHH917575:EHH917580 ERD917575:ERD917580 FAZ917575:FAZ917580 FKV917575:FKV917580 FUR917575:FUR917580 GEN917575:GEN917580 GOJ917575:GOJ917580 GYF917575:GYF917580 HIB917575:HIB917580 HRX917575:HRX917580 IBT917575:IBT917580 ILP917575:ILP917580 IVL917575:IVL917580 JFH917575:JFH917580 JPD917575:JPD917580 JYZ917575:JYZ917580 KIV917575:KIV917580 KSR917575:KSR917580 LCN917575:LCN917580 LMJ917575:LMJ917580 LWF917575:LWF917580 MGB917575:MGB917580 MPX917575:MPX917580 MZT917575:MZT917580 NJP917575:NJP917580 NTL917575:NTL917580 ODH917575:ODH917580 OND917575:OND917580 OWZ917575:OWZ917580 PGV917575:PGV917580 PQR917575:PQR917580 QAN917575:QAN917580 QKJ917575:QKJ917580 QUF917575:QUF917580 REB917575:REB917580 RNX917575:RNX917580 RXT917575:RXT917580 SHP917575:SHP917580 SRL917575:SRL917580 TBH917575:TBH917580 TLD917575:TLD917580 TUZ917575:TUZ917580 UEV917575:UEV917580 UOR917575:UOR917580 UYN917575:UYN917580 VIJ917575:VIJ917580 VSF917575:VSF917580 WCB917575:WCB917580 WLX917575:WLX917580 WVT917575:WVT917580 L983111:L983116 JH983111:JH983116 TD983111:TD983116 ACZ983111:ACZ983116 AMV983111:AMV983116 AWR983111:AWR983116 BGN983111:BGN983116 BQJ983111:BQJ983116 CAF983111:CAF983116 CKB983111:CKB983116 CTX983111:CTX983116 DDT983111:DDT983116 DNP983111:DNP983116 DXL983111:DXL983116 EHH983111:EHH983116 ERD983111:ERD983116 FAZ983111:FAZ983116 FKV983111:FKV983116 FUR983111:FUR983116 GEN983111:GEN983116 GOJ983111:GOJ983116 GYF983111:GYF983116 HIB983111:HIB983116 HRX983111:HRX983116 IBT983111:IBT983116 ILP983111:ILP983116 IVL983111:IVL983116 JFH983111:JFH983116 JPD983111:JPD983116 JYZ983111:JYZ983116 KIV983111:KIV983116 KSR983111:KSR983116 LCN983111:LCN983116 LMJ983111:LMJ983116 LWF983111:LWF983116 MGB983111:MGB983116 MPX983111:MPX983116 MZT983111:MZT983116 NJP983111:NJP983116 NTL983111:NTL983116 ODH983111:ODH983116 OND983111:OND983116 OWZ983111:OWZ983116 PGV983111:PGV983116 PQR983111:PQR983116 QAN983111:QAN983116 QKJ983111:QKJ983116 QUF983111:QUF983116 REB983111:REB983116 RNX983111:RNX983116 RXT983111:RXT983116 SHP983111:SHP983116 SRL983111:SRL983116 TBH983111:TBH983116 TLD983111:TLD983116 TUZ983111:TUZ983116 UEV983111:UEV983116 UOR983111:UOR983116 UYN983111:UYN983116 VIJ983111:VIJ983116 VSF983111:VSF983116 WCB983111:WCB983116 WLX983111:WLX983116 WVT983111:WVT983116 A72 IW72 SS72 ACO72 AMK72 AWG72 BGC72 BPY72 BZU72 CJQ72 CTM72 DDI72 DNE72 DXA72 EGW72 EQS72 FAO72 FKK72 FUG72 GEC72 GNY72 GXU72 HHQ72 HRM72 IBI72 ILE72 IVA72 JEW72 JOS72 JYO72 KIK72 KSG72 LCC72 LLY72 LVU72 MFQ72 MPM72 MZI72 NJE72 NTA72 OCW72 OMS72 OWO72 PGK72 PQG72 QAC72 QJY72 QTU72 RDQ72 RNM72 RXI72 SHE72 SRA72 TAW72 TKS72 TUO72 UEK72 UOG72 UYC72 VHY72 VRU72 WBQ72 WLM72 WVI72 A65608 IW65608 SS65608 ACO65608 AMK65608 AWG65608 BGC65608 BPY65608 BZU65608 CJQ65608 CTM65608 DDI65608 DNE65608 DXA65608 EGW65608 EQS65608 FAO65608 FKK65608 FUG65608 GEC65608 GNY65608 GXU65608 HHQ65608 HRM65608 IBI65608 ILE65608 IVA65608 JEW65608 JOS65608 JYO65608 KIK65608 KSG65608 LCC65608 LLY65608 LVU65608 MFQ65608 MPM65608 MZI65608 NJE65608 NTA65608 OCW65608 OMS65608 OWO65608 PGK65608 PQG65608 QAC65608 QJY65608 QTU65608 RDQ65608 RNM65608 RXI65608 SHE65608 SRA65608 TAW65608 TKS65608 TUO65608 UEK65608 UOG65608 UYC65608 VHY65608 VRU65608 WBQ65608 WLM65608 WVI65608 A131144 IW131144 SS131144 ACO131144 AMK131144 AWG131144 BGC131144 BPY131144 BZU131144 CJQ131144 CTM131144 DDI131144 DNE131144 DXA131144 EGW131144 EQS131144 FAO131144 FKK131144 FUG131144 GEC131144 GNY131144 GXU131144 HHQ131144 HRM131144 IBI131144 ILE131144 IVA131144 JEW131144 JOS131144 JYO131144 KIK131144 KSG131144 LCC131144 LLY131144 LVU131144 MFQ131144 MPM131144 MZI131144 NJE131144 NTA131144 OCW131144 OMS131144 OWO131144 PGK131144 PQG131144 QAC131144 QJY131144 QTU131144 RDQ131144 RNM131144 RXI131144 SHE131144 SRA131144 TAW131144 TKS131144 TUO131144 UEK131144 UOG131144 UYC131144 VHY131144 VRU131144 WBQ131144 WLM131144 WVI131144 A196680 IW196680 SS196680 ACO196680 AMK196680 AWG196680 BGC196680 BPY196680 BZU196680 CJQ196680 CTM196680 DDI196680 DNE196680 DXA196680 EGW196680 EQS196680 FAO196680 FKK196680 FUG196680 GEC196680 GNY196680 GXU196680 HHQ196680 HRM196680 IBI196680 ILE196680 IVA196680 JEW196680 JOS196680 JYO196680 KIK196680 KSG196680 LCC196680 LLY196680 LVU196680 MFQ196680 MPM196680 MZI196680 NJE196680 NTA196680 OCW196680 OMS196680 OWO196680 PGK196680 PQG196680 QAC196680 QJY196680 QTU196680 RDQ196680 RNM196680 RXI196680 SHE196680 SRA196680 TAW196680 TKS196680 TUO196680 UEK196680 UOG196680 UYC196680 VHY196680 VRU196680 WBQ196680 WLM196680 WVI196680 A262216 IW262216 SS262216 ACO262216 AMK262216 AWG262216 BGC262216 BPY262216 BZU262216 CJQ262216 CTM262216 DDI262216 DNE262216 DXA262216 EGW262216 EQS262216 FAO262216 FKK262216 FUG262216 GEC262216 GNY262216 GXU262216 HHQ262216 HRM262216 IBI262216 ILE262216 IVA262216 JEW262216 JOS262216 JYO262216 KIK262216 KSG262216 LCC262216 LLY262216 LVU262216 MFQ262216 MPM262216 MZI262216 NJE262216 NTA262216 OCW262216 OMS262216 OWO262216 PGK262216 PQG262216 QAC262216 QJY262216 QTU262216 RDQ262216 RNM262216 RXI262216 SHE262216 SRA262216 TAW262216 TKS262216 TUO262216 UEK262216 UOG262216 UYC262216 VHY262216 VRU262216 WBQ262216 WLM262216 WVI262216 A327752 IW327752 SS327752 ACO327752 AMK327752 AWG327752 BGC327752 BPY327752 BZU327752 CJQ327752 CTM327752 DDI327752 DNE327752 DXA327752 EGW327752 EQS327752 FAO327752 FKK327752 FUG327752 GEC327752 GNY327752 GXU327752 HHQ327752 HRM327752 IBI327752 ILE327752 IVA327752 JEW327752 JOS327752 JYO327752 KIK327752 KSG327752 LCC327752 LLY327752 LVU327752 MFQ327752 MPM327752 MZI327752 NJE327752 NTA327752 OCW327752 OMS327752 OWO327752 PGK327752 PQG327752 QAC327752 QJY327752 QTU327752 RDQ327752 RNM327752 RXI327752 SHE327752 SRA327752 TAW327752 TKS327752 TUO327752 UEK327752 UOG327752 UYC327752 VHY327752 VRU327752 WBQ327752 WLM327752 WVI327752 A393288 IW393288 SS393288 ACO393288 AMK393288 AWG393288 BGC393288 BPY393288 BZU393288 CJQ393288 CTM393288 DDI393288 DNE393288 DXA393288 EGW393288 EQS393288 FAO393288 FKK393288 FUG393288 GEC393288 GNY393288 GXU393288 HHQ393288 HRM393288 IBI393288 ILE393288 IVA393288 JEW393288 JOS393288 JYO393288 KIK393288 KSG393288 LCC393288 LLY393288 LVU393288 MFQ393288 MPM393288 MZI393288 NJE393288 NTA393288 OCW393288 OMS393288 OWO393288 PGK393288 PQG393288 QAC393288 QJY393288 QTU393288 RDQ393288 RNM393288 RXI393288 SHE393288 SRA393288 TAW393288 TKS393288 TUO393288 UEK393288 UOG393288 UYC393288 VHY393288 VRU393288 WBQ393288 WLM393288 WVI393288 A458824 IW458824 SS458824 ACO458824 AMK458824 AWG458824 BGC458824 BPY458824 BZU458824 CJQ458824 CTM458824 DDI458824 DNE458824 DXA458824 EGW458824 EQS458824 FAO458824 FKK458824 FUG458824 GEC458824 GNY458824 GXU458824 HHQ458824 HRM458824 IBI458824 ILE458824 IVA458824 JEW458824 JOS458824 JYO458824 KIK458824 KSG458824 LCC458824 LLY458824 LVU458824 MFQ458824 MPM458824 MZI458824 NJE458824 NTA458824 OCW458824 OMS458824 OWO458824 PGK458824 PQG458824 QAC458824 QJY458824 QTU458824 RDQ458824 RNM458824 RXI458824 SHE458824 SRA458824 TAW458824 TKS458824 TUO458824 UEK458824 UOG458824 UYC458824 VHY458824 VRU458824 WBQ458824 WLM458824 WVI458824 A524360 IW524360 SS524360 ACO524360 AMK524360 AWG524360 BGC524360 BPY524360 BZU524360 CJQ524360 CTM524360 DDI524360 DNE524360 DXA524360 EGW524360 EQS524360 FAO524360 FKK524360 FUG524360 GEC524360 GNY524360 GXU524360 HHQ524360 HRM524360 IBI524360 ILE524360 IVA524360 JEW524360 JOS524360 JYO524360 KIK524360 KSG524360 LCC524360 LLY524360 LVU524360 MFQ524360 MPM524360 MZI524360 NJE524360 NTA524360 OCW524360 OMS524360 OWO524360 PGK524360 PQG524360 QAC524360 QJY524360 QTU524360 RDQ524360 RNM524360 RXI524360 SHE524360 SRA524360 TAW524360 TKS524360 TUO524360 UEK524360 UOG524360 UYC524360 VHY524360 VRU524360 WBQ524360 WLM524360 WVI524360 A589896 IW589896 SS589896 ACO589896 AMK589896 AWG589896 BGC589896 BPY589896 BZU589896 CJQ589896 CTM589896 DDI589896 DNE589896 DXA589896 EGW589896 EQS589896 FAO589896 FKK589896 FUG589896 GEC589896 GNY589896 GXU589896 HHQ589896 HRM589896 IBI589896 ILE589896 IVA589896 JEW589896 JOS589896 JYO589896 KIK589896 KSG589896 LCC589896 LLY589896 LVU589896 MFQ589896 MPM589896 MZI589896 NJE589896 NTA589896 OCW589896 OMS589896 OWO589896 PGK589896 PQG589896 QAC589896 QJY589896 QTU589896 RDQ589896 RNM589896 RXI589896 SHE589896 SRA589896 TAW589896 TKS589896 TUO589896 UEK589896 UOG589896 UYC589896 VHY589896 VRU589896 WBQ589896 WLM589896 WVI589896 A655432 IW655432 SS655432 ACO655432 AMK655432 AWG655432 BGC655432 BPY655432 BZU655432 CJQ655432 CTM655432 DDI655432 DNE655432 DXA655432 EGW655432 EQS655432 FAO655432 FKK655432 FUG655432 GEC655432 GNY655432 GXU655432 HHQ655432 HRM655432 IBI655432 ILE655432 IVA655432 JEW655432 JOS655432 JYO655432 KIK655432 KSG655432 LCC655432 LLY655432 LVU655432 MFQ655432 MPM655432 MZI655432 NJE655432 NTA655432 OCW655432 OMS655432 OWO655432 PGK655432 PQG655432 QAC655432 QJY655432 QTU655432 RDQ655432 RNM655432 RXI655432 SHE655432 SRA655432 TAW655432 TKS655432 TUO655432 UEK655432 UOG655432 UYC655432 VHY655432 VRU655432 WBQ655432 WLM655432 WVI655432 A720968 IW720968 SS720968 ACO720968 AMK720968 AWG720968 BGC720968 BPY720968 BZU720968 CJQ720968 CTM720968 DDI720968 DNE720968 DXA720968 EGW720968 EQS720968 FAO720968 FKK720968 FUG720968 GEC720968 GNY720968 GXU720968 HHQ720968 HRM720968 IBI720968 ILE720968 IVA720968 JEW720968 JOS720968 JYO720968 KIK720968 KSG720968 LCC720968 LLY720968 LVU720968 MFQ720968 MPM720968 MZI720968 NJE720968 NTA720968 OCW720968 OMS720968 OWO720968 PGK720968 PQG720968 QAC720968 QJY720968 QTU720968 RDQ720968 RNM720968 RXI720968 SHE720968 SRA720968 TAW720968 TKS720968 TUO720968 UEK720968 UOG720968 UYC720968 VHY720968 VRU720968 WBQ720968 WLM720968 WVI720968 A786504 IW786504 SS786504 ACO786504 AMK786504 AWG786504 BGC786504 BPY786504 BZU786504 CJQ786504 CTM786504 DDI786504 DNE786504 DXA786504 EGW786504 EQS786504 FAO786504 FKK786504 FUG786504 GEC786504 GNY786504 GXU786504 HHQ786504 HRM786504 IBI786504 ILE786504 IVA786504 JEW786504 JOS786504 JYO786504 KIK786504 KSG786504 LCC786504 LLY786504 LVU786504 MFQ786504 MPM786504 MZI786504 NJE786504 NTA786504 OCW786504 OMS786504 OWO786504 PGK786504 PQG786504 QAC786504 QJY786504 QTU786504 RDQ786504 RNM786504 RXI786504 SHE786504 SRA786504 TAW786504 TKS786504 TUO786504 UEK786504 UOG786504 UYC786504 VHY786504 VRU786504 WBQ786504 WLM786504 WVI786504 A852040 IW852040 SS852040 ACO852040 AMK852040 AWG852040 BGC852040 BPY852040 BZU852040 CJQ852040 CTM852040 DDI852040 DNE852040 DXA852040 EGW852040 EQS852040 FAO852040 FKK852040 FUG852040 GEC852040 GNY852040 GXU852040 HHQ852040 HRM852040 IBI852040 ILE852040 IVA852040 JEW852040 JOS852040 JYO852040 KIK852040 KSG852040 LCC852040 LLY852040 LVU852040 MFQ852040 MPM852040 MZI852040 NJE852040 NTA852040 OCW852040 OMS852040 OWO852040 PGK852040 PQG852040 QAC852040 QJY852040 QTU852040 RDQ852040 RNM852040 RXI852040 SHE852040 SRA852040 TAW852040 TKS852040 TUO852040 UEK852040 UOG852040 UYC852040 VHY852040 VRU852040 WBQ852040 WLM852040 WVI852040 A917576 IW917576 SS917576 ACO917576 AMK917576 AWG917576 BGC917576 BPY917576 BZU917576 CJQ917576 CTM917576 DDI917576 DNE917576 DXA917576 EGW917576 EQS917576 FAO917576 FKK917576 FUG917576 GEC917576 GNY917576 GXU917576 HHQ917576 HRM917576 IBI917576 ILE917576 IVA917576 JEW917576 JOS917576 JYO917576 KIK917576 KSG917576 LCC917576 LLY917576 LVU917576 MFQ917576 MPM917576 MZI917576 NJE917576 NTA917576 OCW917576 OMS917576 OWO917576 PGK917576 PQG917576 QAC917576 QJY917576 QTU917576 RDQ917576 RNM917576 RXI917576 SHE917576 SRA917576 TAW917576 TKS917576 TUO917576 UEK917576 UOG917576 UYC917576 VHY917576 VRU917576 WBQ917576 WLM917576 WVI917576 A983112 IW983112 SS983112 ACO983112 AMK983112 AWG983112 BGC983112 BPY983112 BZU983112 CJQ983112 CTM983112 DDI983112 DNE983112 DXA983112 EGW983112 EQS983112 FAO983112 FKK983112 FUG983112 GEC983112 GNY983112 GXU983112 HHQ983112 HRM983112 IBI983112 ILE983112 IVA983112 JEW983112 JOS983112 JYO983112 KIK983112 KSG983112 LCC983112 LLY983112 LVU983112 MFQ983112 MPM983112 MZI983112 NJE983112 NTA983112 OCW983112 OMS983112 OWO983112 PGK983112 PQG983112 QAC983112 QJY983112 QTU983112 RDQ983112 RNM983112 RXI983112 SHE983112 SRA983112 TAW983112 TKS983112 TUO983112 UEK983112 UOG983112 UYC983112 VHY983112 VRU983112 WBQ983112 WLM983112 WVI983112 O75 JK75 TG75 ADC75 AMY75 AWU75 BGQ75 BQM75 CAI75 CKE75 CUA75 DDW75 DNS75 DXO75 EHK75 ERG75 FBC75 FKY75 FUU75 GEQ75 GOM75 GYI75 HIE75 HSA75 IBW75 ILS75 IVO75 JFK75 JPG75 JZC75 KIY75 KSU75 LCQ75 LMM75 LWI75 MGE75 MQA75 MZW75 NJS75 NTO75 ODK75 ONG75 OXC75 PGY75 PQU75 QAQ75 QKM75 QUI75 REE75 ROA75 RXW75 SHS75 SRO75 TBK75 TLG75 TVC75 UEY75 UOU75 UYQ75 VIM75 VSI75 WCE75 WMA75 WVW75 O65611 JK65611 TG65611 ADC65611 AMY65611 AWU65611 BGQ65611 BQM65611 CAI65611 CKE65611 CUA65611 DDW65611 DNS65611 DXO65611 EHK65611 ERG65611 FBC65611 FKY65611 FUU65611 GEQ65611 GOM65611 GYI65611 HIE65611 HSA65611 IBW65611 ILS65611 IVO65611 JFK65611 JPG65611 JZC65611 KIY65611 KSU65611 LCQ65611 LMM65611 LWI65611 MGE65611 MQA65611 MZW65611 NJS65611 NTO65611 ODK65611 ONG65611 OXC65611 PGY65611 PQU65611 QAQ65611 QKM65611 QUI65611 REE65611 ROA65611 RXW65611 SHS65611 SRO65611 TBK65611 TLG65611 TVC65611 UEY65611 UOU65611 UYQ65611 VIM65611 VSI65611 WCE65611 WMA65611 WVW65611 O131147 JK131147 TG131147 ADC131147 AMY131147 AWU131147 BGQ131147 BQM131147 CAI131147 CKE131147 CUA131147 DDW131147 DNS131147 DXO131147 EHK131147 ERG131147 FBC131147 FKY131147 FUU131147 GEQ131147 GOM131147 GYI131147 HIE131147 HSA131147 IBW131147 ILS131147 IVO131147 JFK131147 JPG131147 JZC131147 KIY131147 KSU131147 LCQ131147 LMM131147 LWI131147 MGE131147 MQA131147 MZW131147 NJS131147 NTO131147 ODK131147 ONG131147 OXC131147 PGY131147 PQU131147 QAQ131147 QKM131147 QUI131147 REE131147 ROA131147 RXW131147 SHS131147 SRO131147 TBK131147 TLG131147 TVC131147 UEY131147 UOU131147 UYQ131147 VIM131147 VSI131147 WCE131147 WMA131147 WVW131147 O196683 JK196683 TG196683 ADC196683 AMY196683 AWU196683 BGQ196683 BQM196683 CAI196683 CKE196683 CUA196683 DDW196683 DNS196683 DXO196683 EHK196683 ERG196683 FBC196683 FKY196683 FUU196683 GEQ196683 GOM196683 GYI196683 HIE196683 HSA196683 IBW196683 ILS196683 IVO196683 JFK196683 JPG196683 JZC196683 KIY196683 KSU196683 LCQ196683 LMM196683 LWI196683 MGE196683 MQA196683 MZW196683 NJS196683 NTO196683 ODK196683 ONG196683 OXC196683 PGY196683 PQU196683 QAQ196683 QKM196683 QUI196683 REE196683 ROA196683 RXW196683 SHS196683 SRO196683 TBK196683 TLG196683 TVC196683 UEY196683 UOU196683 UYQ196683 VIM196683 VSI196683 WCE196683 WMA196683 WVW196683 O262219 JK262219 TG262219 ADC262219 AMY262219 AWU262219 BGQ262219 BQM262219 CAI262219 CKE262219 CUA262219 DDW262219 DNS262219 DXO262219 EHK262219 ERG262219 FBC262219 FKY262219 FUU262219 GEQ262219 GOM262219 GYI262219 HIE262219 HSA262219 IBW262219 ILS262219 IVO262219 JFK262219 JPG262219 JZC262219 KIY262219 KSU262219 LCQ262219 LMM262219 LWI262219 MGE262219 MQA262219 MZW262219 NJS262219 NTO262219 ODK262219 ONG262219 OXC262219 PGY262219 PQU262219 QAQ262219 QKM262219 QUI262219 REE262219 ROA262219 RXW262219 SHS262219 SRO262219 TBK262219 TLG262219 TVC262219 UEY262219 UOU262219 UYQ262219 VIM262219 VSI262219 WCE262219 WMA262219 WVW262219 O327755 JK327755 TG327755 ADC327755 AMY327755 AWU327755 BGQ327755 BQM327755 CAI327755 CKE327755 CUA327755 DDW327755 DNS327755 DXO327755 EHK327755 ERG327755 FBC327755 FKY327755 FUU327755 GEQ327755 GOM327755 GYI327755 HIE327755 HSA327755 IBW327755 ILS327755 IVO327755 JFK327755 JPG327755 JZC327755 KIY327755 KSU327755 LCQ327755 LMM327755 LWI327755 MGE327755 MQA327755 MZW327755 NJS327755 NTO327755 ODK327755 ONG327755 OXC327755 PGY327755 PQU327755 QAQ327755 QKM327755 QUI327755 REE327755 ROA327755 RXW327755 SHS327755 SRO327755 TBK327755 TLG327755 TVC327755 UEY327755 UOU327755 UYQ327755 VIM327755 VSI327755 WCE327755 WMA327755 WVW327755 O393291 JK393291 TG393291 ADC393291 AMY393291 AWU393291 BGQ393291 BQM393291 CAI393291 CKE393291 CUA393291 DDW393291 DNS393291 DXO393291 EHK393291 ERG393291 FBC393291 FKY393291 FUU393291 GEQ393291 GOM393291 GYI393291 HIE393291 HSA393291 IBW393291 ILS393291 IVO393291 JFK393291 JPG393291 JZC393291 KIY393291 KSU393291 LCQ393291 LMM393291 LWI393291 MGE393291 MQA393291 MZW393291 NJS393291 NTO393291 ODK393291 ONG393291 OXC393291 PGY393291 PQU393291 QAQ393291 QKM393291 QUI393291 REE393291 ROA393291 RXW393291 SHS393291 SRO393291 TBK393291 TLG393291 TVC393291 UEY393291 UOU393291 UYQ393291 VIM393291 VSI393291 WCE393291 WMA393291 WVW393291 O458827 JK458827 TG458827 ADC458827 AMY458827 AWU458827 BGQ458827 BQM458827 CAI458827 CKE458827 CUA458827 DDW458827 DNS458827 DXO458827 EHK458827 ERG458827 FBC458827 FKY458827 FUU458827 GEQ458827 GOM458827 GYI458827 HIE458827 HSA458827 IBW458827 ILS458827 IVO458827 JFK458827 JPG458827 JZC458827 KIY458827 KSU458827 LCQ458827 LMM458827 LWI458827 MGE458827 MQA458827 MZW458827 NJS458827 NTO458827 ODK458827 ONG458827 OXC458827 PGY458827 PQU458827 QAQ458827 QKM458827 QUI458827 REE458827 ROA458827 RXW458827 SHS458827 SRO458827 TBK458827 TLG458827 TVC458827 UEY458827 UOU458827 UYQ458827 VIM458827 VSI458827 WCE458827 WMA458827 WVW458827 O524363 JK524363 TG524363 ADC524363 AMY524363 AWU524363 BGQ524363 BQM524363 CAI524363 CKE524363 CUA524363 DDW524363 DNS524363 DXO524363 EHK524363 ERG524363 FBC524363 FKY524363 FUU524363 GEQ524363 GOM524363 GYI524363 HIE524363 HSA524363 IBW524363 ILS524363 IVO524363 JFK524363 JPG524363 JZC524363 KIY524363 KSU524363 LCQ524363 LMM524363 LWI524363 MGE524363 MQA524363 MZW524363 NJS524363 NTO524363 ODK524363 ONG524363 OXC524363 PGY524363 PQU524363 QAQ524363 QKM524363 QUI524363 REE524363 ROA524363 RXW524363 SHS524363 SRO524363 TBK524363 TLG524363 TVC524363 UEY524363 UOU524363 UYQ524363 VIM524363 VSI524363 WCE524363 WMA524363 WVW524363 O589899 JK589899 TG589899 ADC589899 AMY589899 AWU589899 BGQ589899 BQM589899 CAI589899 CKE589899 CUA589899 DDW589899 DNS589899 DXO589899 EHK589899 ERG589899 FBC589899 FKY589899 FUU589899 GEQ589899 GOM589899 GYI589899 HIE589899 HSA589899 IBW589899 ILS589899 IVO589899 JFK589899 JPG589899 JZC589899 KIY589899 KSU589899 LCQ589899 LMM589899 LWI589899 MGE589899 MQA589899 MZW589899 NJS589899 NTO589899 ODK589899 ONG589899 OXC589899 PGY589899 PQU589899 QAQ589899 QKM589899 QUI589899 REE589899 ROA589899 RXW589899 SHS589899 SRO589899 TBK589899 TLG589899 TVC589899 UEY589899 UOU589899 UYQ589899 VIM589899 VSI589899 WCE589899 WMA589899 WVW589899 O655435 JK655435 TG655435 ADC655435 AMY655435 AWU655435 BGQ655435 BQM655435 CAI655435 CKE655435 CUA655435 DDW655435 DNS655435 DXO655435 EHK655435 ERG655435 FBC655435 FKY655435 FUU655435 GEQ655435 GOM655435 GYI655435 HIE655435 HSA655435 IBW655435 ILS655435 IVO655435 JFK655435 JPG655435 JZC655435 KIY655435 KSU655435 LCQ655435 LMM655435 LWI655435 MGE655435 MQA655435 MZW655435 NJS655435 NTO655435 ODK655435 ONG655435 OXC655435 PGY655435 PQU655435 QAQ655435 QKM655435 QUI655435 REE655435 ROA655435 RXW655435 SHS655435 SRO655435 TBK655435 TLG655435 TVC655435 UEY655435 UOU655435 UYQ655435 VIM655435 VSI655435 WCE655435 WMA655435 WVW655435 O720971 JK720971 TG720971 ADC720971 AMY720971 AWU720971 BGQ720971 BQM720971 CAI720971 CKE720971 CUA720971 DDW720971 DNS720971 DXO720971 EHK720971 ERG720971 FBC720971 FKY720971 FUU720971 GEQ720971 GOM720971 GYI720971 HIE720971 HSA720971 IBW720971 ILS720971 IVO720971 JFK720971 JPG720971 JZC720971 KIY720971 KSU720971 LCQ720971 LMM720971 LWI720971 MGE720971 MQA720971 MZW720971 NJS720971 NTO720971 ODK720971 ONG720971 OXC720971 PGY720971 PQU720971 QAQ720971 QKM720971 QUI720971 REE720971 ROA720971 RXW720971 SHS720971 SRO720971 TBK720971 TLG720971 TVC720971 UEY720971 UOU720971 UYQ720971 VIM720971 VSI720971 WCE720971 WMA720971 WVW720971 O786507 JK786507 TG786507 ADC786507 AMY786507 AWU786507 BGQ786507 BQM786507 CAI786507 CKE786507 CUA786507 DDW786507 DNS786507 DXO786507 EHK786507 ERG786507 FBC786507 FKY786507 FUU786507 GEQ786507 GOM786507 GYI786507 HIE786507 HSA786507 IBW786507 ILS786507 IVO786507 JFK786507 JPG786507 JZC786507 KIY786507 KSU786507 LCQ786507 LMM786507 LWI786507 MGE786507 MQA786507 MZW786507 NJS786507 NTO786507 ODK786507 ONG786507 OXC786507 PGY786507 PQU786507 QAQ786507 QKM786507 QUI786507 REE786507 ROA786507 RXW786507 SHS786507 SRO786507 TBK786507 TLG786507 TVC786507 UEY786507 UOU786507 UYQ786507 VIM786507 VSI786507 WCE786507 WMA786507 WVW786507 O852043 JK852043 TG852043 ADC852043 AMY852043 AWU852043 BGQ852043 BQM852043 CAI852043 CKE852043 CUA852043 DDW852043 DNS852043 DXO852043 EHK852043 ERG852043 FBC852043 FKY852043 FUU852043 GEQ852043 GOM852043 GYI852043 HIE852043 HSA852043 IBW852043 ILS852043 IVO852043 JFK852043 JPG852043 JZC852043 KIY852043 KSU852043 LCQ852043 LMM852043 LWI852043 MGE852043 MQA852043 MZW852043 NJS852043 NTO852043 ODK852043 ONG852043 OXC852043 PGY852043 PQU852043 QAQ852043 QKM852043 QUI852043 REE852043 ROA852043 RXW852043 SHS852043 SRO852043 TBK852043 TLG852043 TVC852043 UEY852043 UOU852043 UYQ852043 VIM852043 VSI852043 WCE852043 WMA852043 WVW852043 O917579 JK917579 TG917579 ADC917579 AMY917579 AWU917579 BGQ917579 BQM917579 CAI917579 CKE917579 CUA917579 DDW917579 DNS917579 DXO917579 EHK917579 ERG917579 FBC917579 FKY917579 FUU917579 GEQ917579 GOM917579 GYI917579 HIE917579 HSA917579 IBW917579 ILS917579 IVO917579 JFK917579 JPG917579 JZC917579 KIY917579 KSU917579 LCQ917579 LMM917579 LWI917579 MGE917579 MQA917579 MZW917579 NJS917579 NTO917579 ODK917579 ONG917579 OXC917579 PGY917579 PQU917579 QAQ917579 QKM917579 QUI917579 REE917579 ROA917579 RXW917579 SHS917579 SRO917579 TBK917579 TLG917579 TVC917579 UEY917579 UOU917579 UYQ917579 VIM917579 VSI917579 WCE917579 WMA917579 WVW917579 O983115 JK983115 TG983115 ADC983115 AMY983115 AWU983115 BGQ983115 BQM983115 CAI983115 CKE983115 CUA983115 DDW983115 DNS983115 DXO983115 EHK983115 ERG983115 FBC983115 FKY983115 FUU983115 GEQ983115 GOM983115 GYI983115 HIE983115 HSA983115 IBW983115 ILS983115 IVO983115 JFK983115 JPG983115 JZC983115 KIY983115 KSU983115 LCQ983115 LMM983115 LWI983115 MGE983115 MQA983115 MZW983115 NJS983115 NTO983115 ODK983115 ONG983115 OXC983115 PGY983115 PQU983115 QAQ983115 QKM983115 QUI983115 REE983115 ROA983115 RXW983115 SHS983115 SRO983115 TBK983115 TLG983115 TVC983115 UEY983115 UOU983115 UYQ983115 VIM983115 VSI983115 WCE983115 WMA983115 WVW983115</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別紙１－4</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5586 西川雅子</dc:creator>
  <cp:lastModifiedBy>s005586 西川雅子</cp:lastModifiedBy>
  <dcterms:created xsi:type="dcterms:W3CDTF">2026-03-30T05:45:25Z</dcterms:created>
  <dcterms:modified xsi:type="dcterms:W3CDTF">2026-03-30T05:46:51Z</dcterms:modified>
</cp:coreProperties>
</file>